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685BA502-F79D-421B-B4F6-6D455D34EECD}" xr6:coauthVersionLast="47" xr6:coauthVersionMax="47" xr10:uidLastSave="{00000000-0000-0000-0000-000000000000}"/>
  <bookViews>
    <workbookView xWindow="5175" yWindow="-16320" windowWidth="29040" windowHeight="15720" xr2:uid="{6B0EE9A6-DAC6-418F-A1FA-CDA1C273E0EA}"/>
  </bookViews>
  <sheets>
    <sheet name="sheet11 2-2" sheetId="1" r:id="rId1"/>
  </sheets>
  <externalReferences>
    <externalReference r:id="rId2"/>
  </externalReferences>
  <definedNames>
    <definedName name="_xlnm.Print_Area" localSheetId="0">'sheet11 2-2'!$A$7:$BE$5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E53" i="1" l="1"/>
  <c r="BD53" i="1"/>
  <c r="BC53" i="1"/>
  <c r="BB53" i="1"/>
  <c r="BA53" i="1"/>
  <c r="AZ53" i="1"/>
  <c r="AX53" i="1"/>
  <c r="AW53" i="1"/>
  <c r="AV53" i="1"/>
  <c r="AQ53" i="1"/>
  <c r="AG53" i="1"/>
  <c r="AC53" i="1"/>
  <c r="AB53" i="1"/>
  <c r="AA53" i="1"/>
  <c r="X53" i="1"/>
  <c r="W53" i="1"/>
  <c r="V53" i="1"/>
  <c r="U53" i="1"/>
  <c r="T53" i="1"/>
  <c r="N53" i="1"/>
  <c r="M53" i="1"/>
  <c r="L53" i="1"/>
  <c r="K53" i="1"/>
  <c r="J53" i="1"/>
  <c r="I53" i="1"/>
  <c r="H53" i="1"/>
  <c r="G53" i="1"/>
  <c r="F53" i="1"/>
  <c r="E53" i="1"/>
  <c r="D53" i="1"/>
  <c r="C53" i="1"/>
  <c r="BE51" i="1"/>
  <c r="BD51" i="1"/>
  <c r="BC51" i="1"/>
  <c r="BB51" i="1"/>
  <c r="BA51" i="1"/>
  <c r="AZ51" i="1"/>
  <c r="AY51" i="1"/>
  <c r="AX51" i="1"/>
  <c r="AW51" i="1"/>
  <c r="AV51" i="1"/>
  <c r="AP51" i="1"/>
  <c r="AO51" i="1"/>
  <c r="AN51" i="1"/>
  <c r="AM51" i="1"/>
  <c r="AL51" i="1"/>
  <c r="AK51" i="1"/>
  <c r="AJ51" i="1"/>
  <c r="AI51" i="1"/>
  <c r="AH51" i="1"/>
  <c r="U51" i="1"/>
  <c r="T51" i="1"/>
  <c r="S51" i="1"/>
  <c r="R51" i="1"/>
  <c r="Q51" i="1"/>
  <c r="P51" i="1"/>
  <c r="O51" i="1"/>
  <c r="N51" i="1"/>
  <c r="M51" i="1"/>
  <c r="L51" i="1"/>
  <c r="K51" i="1"/>
  <c r="J51" i="1"/>
  <c r="I51" i="1"/>
  <c r="H51" i="1"/>
  <c r="G51" i="1"/>
  <c r="F51" i="1"/>
  <c r="E51" i="1"/>
  <c r="D51" i="1"/>
  <c r="C51" i="1"/>
  <c r="BE49" i="1"/>
  <c r="BD49" i="1"/>
  <c r="BC49" i="1"/>
  <c r="BB49" i="1"/>
  <c r="BA49" i="1"/>
  <c r="AZ49" i="1"/>
  <c r="AY49" i="1"/>
  <c r="AX49" i="1"/>
  <c r="AW49" i="1"/>
  <c r="AV49" i="1"/>
  <c r="AP49" i="1"/>
  <c r="AO49" i="1"/>
  <c r="AN49" i="1"/>
  <c r="AM49" i="1"/>
  <c r="AL49" i="1"/>
  <c r="AK49" i="1"/>
  <c r="AJ49" i="1"/>
  <c r="AI49" i="1"/>
  <c r="AH49" i="1"/>
  <c r="U49" i="1"/>
  <c r="T49" i="1"/>
  <c r="S49" i="1"/>
  <c r="R49" i="1"/>
  <c r="Q49" i="1"/>
  <c r="P49" i="1"/>
  <c r="O49" i="1"/>
  <c r="N49" i="1"/>
  <c r="M49" i="1"/>
  <c r="L49" i="1"/>
  <c r="K49" i="1"/>
  <c r="J49" i="1"/>
  <c r="I49" i="1"/>
  <c r="H49" i="1"/>
  <c r="G49" i="1"/>
  <c r="F49" i="1"/>
  <c r="E49" i="1"/>
  <c r="D49" i="1"/>
  <c r="C49" i="1"/>
  <c r="BE48" i="1"/>
  <c r="BD48" i="1"/>
  <c r="BC48" i="1"/>
  <c r="BB48" i="1"/>
  <c r="BA48" i="1"/>
  <c r="AZ48" i="1"/>
  <c r="AY48" i="1"/>
  <c r="AX48" i="1"/>
  <c r="AW48" i="1"/>
  <c r="AV48" i="1"/>
  <c r="AP48" i="1"/>
  <c r="AO48" i="1"/>
  <c r="AN48" i="1"/>
  <c r="AM48" i="1"/>
  <c r="AL48" i="1"/>
  <c r="AK48" i="1"/>
  <c r="AJ48" i="1"/>
  <c r="AI48" i="1"/>
  <c r="AH48" i="1"/>
  <c r="U48" i="1"/>
  <c r="T48" i="1"/>
  <c r="S48" i="1"/>
  <c r="R48" i="1"/>
  <c r="Q48" i="1"/>
  <c r="P48" i="1"/>
  <c r="O48" i="1"/>
  <c r="N48" i="1"/>
  <c r="M48" i="1"/>
  <c r="L48" i="1"/>
  <c r="K48" i="1"/>
  <c r="J48" i="1"/>
  <c r="I48" i="1"/>
  <c r="H48" i="1"/>
  <c r="G48" i="1"/>
  <c r="F48" i="1"/>
  <c r="E48" i="1"/>
  <c r="D48" i="1"/>
  <c r="C48" i="1"/>
  <c r="BE47" i="1"/>
  <c r="BD47" i="1"/>
  <c r="BC47" i="1"/>
  <c r="BB47" i="1"/>
  <c r="BA47" i="1"/>
  <c r="AZ47" i="1"/>
  <c r="AY47" i="1"/>
  <c r="AX47" i="1"/>
  <c r="AW47" i="1"/>
  <c r="AV47" i="1"/>
  <c r="AP47" i="1"/>
  <c r="AO47" i="1"/>
  <c r="AN47" i="1"/>
  <c r="AM47" i="1"/>
  <c r="AL47" i="1"/>
  <c r="AK47" i="1"/>
  <c r="AJ47" i="1"/>
  <c r="AI47" i="1"/>
  <c r="AH47" i="1"/>
  <c r="U47" i="1"/>
  <c r="T47" i="1"/>
  <c r="S47" i="1"/>
  <c r="R47" i="1"/>
  <c r="Q47" i="1"/>
  <c r="P47" i="1"/>
  <c r="O47" i="1"/>
  <c r="N47" i="1"/>
  <c r="M47" i="1"/>
  <c r="L47" i="1"/>
  <c r="K47" i="1"/>
  <c r="J47" i="1"/>
  <c r="I47" i="1"/>
  <c r="H47" i="1"/>
  <c r="G47" i="1"/>
  <c r="F47" i="1"/>
  <c r="E47" i="1"/>
  <c r="D47" i="1"/>
  <c r="C47" i="1"/>
  <c r="BE46" i="1"/>
  <c r="BD46" i="1"/>
  <c r="BC46" i="1"/>
  <c r="BB46" i="1"/>
  <c r="BA46" i="1"/>
  <c r="AZ46" i="1"/>
  <c r="AY46" i="1"/>
  <c r="AX46" i="1"/>
  <c r="AW46" i="1"/>
  <c r="AV46" i="1"/>
  <c r="AP46" i="1"/>
  <c r="AO46" i="1"/>
  <c r="AN46" i="1"/>
  <c r="AM46" i="1"/>
  <c r="AL46" i="1"/>
  <c r="AK46" i="1"/>
  <c r="AJ46" i="1"/>
  <c r="AI46" i="1"/>
  <c r="AH46" i="1"/>
  <c r="U46" i="1"/>
  <c r="T46" i="1"/>
  <c r="S46" i="1"/>
  <c r="R46" i="1"/>
  <c r="Q46" i="1"/>
  <c r="P46" i="1"/>
  <c r="O46" i="1"/>
  <c r="N46" i="1"/>
  <c r="M46" i="1"/>
  <c r="L46" i="1"/>
  <c r="K46" i="1"/>
  <c r="J46" i="1"/>
  <c r="I46" i="1"/>
  <c r="H46" i="1"/>
  <c r="G46" i="1"/>
  <c r="F46" i="1"/>
  <c r="E46" i="1"/>
  <c r="D46" i="1"/>
  <c r="C46" i="1"/>
  <c r="BE45" i="1"/>
  <c r="BD45" i="1"/>
  <c r="BC45" i="1"/>
  <c r="BB45" i="1"/>
  <c r="BA45" i="1"/>
  <c r="AZ45" i="1"/>
  <c r="AY45" i="1"/>
  <c r="AX45" i="1"/>
  <c r="AW45" i="1"/>
  <c r="AV45" i="1"/>
  <c r="AP45" i="1"/>
  <c r="AO45" i="1"/>
  <c r="AN45" i="1"/>
  <c r="AM45" i="1"/>
  <c r="AL45" i="1"/>
  <c r="AK45" i="1"/>
  <c r="AJ45" i="1"/>
  <c r="AI45" i="1"/>
  <c r="AH45" i="1"/>
  <c r="U45" i="1"/>
  <c r="T45" i="1"/>
  <c r="S45" i="1"/>
  <c r="R45" i="1"/>
  <c r="Q45" i="1"/>
  <c r="P45" i="1"/>
  <c r="O45" i="1"/>
  <c r="N45" i="1"/>
  <c r="M45" i="1"/>
  <c r="L45" i="1"/>
  <c r="K45" i="1"/>
  <c r="J45" i="1"/>
  <c r="I45" i="1"/>
  <c r="H45" i="1"/>
  <c r="G45" i="1"/>
  <c r="F45" i="1"/>
  <c r="E45" i="1"/>
  <c r="D45" i="1"/>
  <c r="C45" i="1"/>
  <c r="BE44" i="1"/>
  <c r="BD44" i="1"/>
  <c r="BC44" i="1"/>
  <c r="BB44" i="1"/>
  <c r="BA44" i="1"/>
  <c r="AZ44" i="1"/>
  <c r="AY44" i="1"/>
  <c r="AX44" i="1"/>
  <c r="AW44" i="1"/>
  <c r="AV44" i="1"/>
  <c r="AP44" i="1"/>
  <c r="AO44" i="1"/>
  <c r="AN44" i="1"/>
  <c r="AM44" i="1"/>
  <c r="AL44" i="1"/>
  <c r="AK44" i="1"/>
  <c r="AJ44" i="1"/>
  <c r="AI44" i="1"/>
  <c r="AH44" i="1"/>
  <c r="U44" i="1"/>
  <c r="T44" i="1"/>
  <c r="S44" i="1"/>
  <c r="R44" i="1"/>
  <c r="Q44" i="1"/>
  <c r="P44" i="1"/>
  <c r="O44" i="1"/>
  <c r="N44" i="1"/>
  <c r="M44" i="1"/>
  <c r="L44" i="1"/>
  <c r="K44" i="1"/>
  <c r="J44" i="1"/>
  <c r="I44" i="1"/>
  <c r="H44" i="1"/>
  <c r="G44" i="1"/>
  <c r="F44" i="1"/>
  <c r="E44" i="1"/>
  <c r="D44" i="1"/>
  <c r="C44" i="1"/>
  <c r="BE43" i="1"/>
  <c r="BD43" i="1"/>
  <c r="BC43" i="1"/>
  <c r="BB43" i="1"/>
  <c r="BA43" i="1"/>
  <c r="AZ43" i="1"/>
  <c r="AY43" i="1"/>
  <c r="AX43" i="1"/>
  <c r="AW43" i="1"/>
  <c r="AV43" i="1"/>
  <c r="AP43" i="1"/>
  <c r="AO43" i="1"/>
  <c r="AN43" i="1"/>
  <c r="AM43" i="1"/>
  <c r="AL43" i="1"/>
  <c r="AK43" i="1"/>
  <c r="AJ43" i="1"/>
  <c r="AI43" i="1"/>
  <c r="AH43" i="1"/>
  <c r="U43" i="1"/>
  <c r="T43" i="1"/>
  <c r="S43" i="1"/>
  <c r="R43" i="1"/>
  <c r="Q43" i="1"/>
  <c r="P43" i="1"/>
  <c r="O43" i="1"/>
  <c r="N43" i="1"/>
  <c r="M43" i="1"/>
  <c r="L43" i="1"/>
  <c r="K43" i="1"/>
  <c r="J43" i="1"/>
  <c r="I43" i="1"/>
  <c r="H43" i="1"/>
  <c r="G43" i="1"/>
  <c r="F43" i="1"/>
  <c r="E43" i="1"/>
  <c r="D43" i="1"/>
  <c r="C43" i="1"/>
  <c r="BE42" i="1"/>
  <c r="BD42" i="1"/>
  <c r="BC42" i="1"/>
  <c r="BB42" i="1"/>
  <c r="BA42" i="1"/>
  <c r="AZ42" i="1"/>
  <c r="AY42" i="1"/>
  <c r="AX42" i="1"/>
  <c r="AW42" i="1"/>
  <c r="AV42" i="1"/>
  <c r="AP42" i="1"/>
  <c r="AO42" i="1"/>
  <c r="AN42" i="1"/>
  <c r="AM42" i="1"/>
  <c r="AL42" i="1"/>
  <c r="AK42" i="1"/>
  <c r="AJ42" i="1"/>
  <c r="AI42" i="1"/>
  <c r="AH42" i="1"/>
  <c r="U42" i="1"/>
  <c r="T42" i="1"/>
  <c r="S42" i="1"/>
  <c r="R42" i="1"/>
  <c r="Q42" i="1"/>
  <c r="P42" i="1"/>
  <c r="O42" i="1"/>
  <c r="N42" i="1"/>
  <c r="M42" i="1"/>
  <c r="L42" i="1"/>
  <c r="K42" i="1"/>
  <c r="J42" i="1"/>
  <c r="I42" i="1"/>
  <c r="H42" i="1"/>
  <c r="G42" i="1"/>
  <c r="F42" i="1"/>
  <c r="E42" i="1"/>
  <c r="D42" i="1"/>
  <c r="C42" i="1"/>
  <c r="BE41" i="1"/>
  <c r="BD41" i="1"/>
  <c r="BC41" i="1"/>
  <c r="BB41" i="1"/>
  <c r="BA41" i="1"/>
  <c r="AZ41" i="1"/>
  <c r="AY41" i="1"/>
  <c r="AX41" i="1"/>
  <c r="AW41" i="1"/>
  <c r="AV41" i="1"/>
  <c r="AP41" i="1"/>
  <c r="AO41" i="1"/>
  <c r="AN41" i="1"/>
  <c r="AM41" i="1"/>
  <c r="AL41" i="1"/>
  <c r="AK41" i="1"/>
  <c r="AJ41" i="1"/>
  <c r="AI41" i="1"/>
  <c r="AH41" i="1"/>
  <c r="U41" i="1"/>
  <c r="T41" i="1"/>
  <c r="S41" i="1"/>
  <c r="R41" i="1"/>
  <c r="Q41" i="1"/>
  <c r="P41" i="1"/>
  <c r="O41" i="1"/>
  <c r="N41" i="1"/>
  <c r="M41" i="1"/>
  <c r="L41" i="1"/>
  <c r="K41" i="1"/>
  <c r="J41" i="1"/>
  <c r="I41" i="1"/>
  <c r="H41" i="1"/>
  <c r="G41" i="1"/>
  <c r="F41" i="1"/>
  <c r="E41" i="1"/>
  <c r="D41" i="1"/>
  <c r="C41" i="1"/>
  <c r="BE40" i="1"/>
  <c r="BD40" i="1"/>
  <c r="BC40" i="1"/>
  <c r="BB40" i="1"/>
  <c r="BA40" i="1"/>
  <c r="AZ40" i="1"/>
  <c r="AY40" i="1"/>
  <c r="AX40" i="1"/>
  <c r="AW40" i="1"/>
  <c r="AV40" i="1"/>
  <c r="AP40" i="1"/>
  <c r="AO40" i="1"/>
  <c r="AN40" i="1"/>
  <c r="AM40" i="1"/>
  <c r="AL40" i="1"/>
  <c r="AK40" i="1"/>
  <c r="AJ40" i="1"/>
  <c r="AI40" i="1"/>
  <c r="AH40" i="1"/>
  <c r="U40" i="1"/>
  <c r="T40" i="1"/>
  <c r="S40" i="1"/>
  <c r="R40" i="1"/>
  <c r="Q40" i="1"/>
  <c r="P40" i="1"/>
  <c r="O40" i="1"/>
  <c r="N40" i="1"/>
  <c r="M40" i="1"/>
  <c r="L40" i="1"/>
  <c r="K40" i="1"/>
  <c r="J40" i="1"/>
  <c r="I40" i="1"/>
  <c r="H40" i="1"/>
  <c r="G40" i="1"/>
  <c r="F40" i="1"/>
  <c r="E40" i="1"/>
  <c r="D40" i="1"/>
  <c r="C40" i="1"/>
  <c r="BE39" i="1"/>
  <c r="BD39" i="1"/>
  <c r="BC39" i="1"/>
  <c r="BB39" i="1"/>
  <c r="BA39" i="1"/>
  <c r="AZ39" i="1"/>
  <c r="AY39" i="1"/>
  <c r="AX39" i="1"/>
  <c r="AW39" i="1"/>
  <c r="AV39" i="1"/>
  <c r="AP39" i="1"/>
  <c r="AO39" i="1"/>
  <c r="AN39" i="1"/>
  <c r="AM39" i="1"/>
  <c r="AL39" i="1"/>
  <c r="AK39" i="1"/>
  <c r="AJ39" i="1"/>
  <c r="AI39" i="1"/>
  <c r="AH39" i="1"/>
  <c r="U39" i="1"/>
  <c r="T39" i="1"/>
  <c r="S39" i="1"/>
  <c r="R39" i="1"/>
  <c r="Q39" i="1"/>
  <c r="P39" i="1"/>
  <c r="O39" i="1"/>
  <c r="N39" i="1"/>
  <c r="M39" i="1"/>
  <c r="L39" i="1"/>
  <c r="K39" i="1"/>
  <c r="J39" i="1"/>
  <c r="I39" i="1"/>
  <c r="H39" i="1"/>
  <c r="G39" i="1"/>
  <c r="F39" i="1"/>
  <c r="E39" i="1"/>
  <c r="D39" i="1"/>
  <c r="C39" i="1"/>
  <c r="BE38" i="1"/>
  <c r="BD38" i="1"/>
  <c r="BC38" i="1"/>
  <c r="BB38" i="1"/>
  <c r="BA38" i="1"/>
  <c r="AZ38" i="1"/>
  <c r="AY38" i="1"/>
  <c r="AX38" i="1"/>
  <c r="AW38" i="1"/>
  <c r="AV38" i="1"/>
  <c r="AP38" i="1"/>
  <c r="AO38" i="1"/>
  <c r="AN38" i="1"/>
  <c r="AM38" i="1"/>
  <c r="AL38" i="1"/>
  <c r="AK38" i="1"/>
  <c r="AJ38" i="1"/>
  <c r="AI38" i="1"/>
  <c r="AH38" i="1"/>
  <c r="U38" i="1"/>
  <c r="T38" i="1"/>
  <c r="S38" i="1"/>
  <c r="R38" i="1"/>
  <c r="Q38" i="1"/>
  <c r="P38" i="1"/>
  <c r="O38" i="1"/>
  <c r="N38" i="1"/>
  <c r="M38" i="1"/>
  <c r="L38" i="1"/>
  <c r="K38" i="1"/>
  <c r="J38" i="1"/>
  <c r="I38" i="1"/>
  <c r="H38" i="1"/>
  <c r="G38" i="1"/>
  <c r="F38" i="1"/>
  <c r="E38" i="1"/>
  <c r="D38" i="1"/>
  <c r="C38" i="1"/>
  <c r="BE37" i="1"/>
  <c r="BD37" i="1"/>
  <c r="BC37" i="1"/>
  <c r="BB37" i="1"/>
  <c r="BA37" i="1"/>
  <c r="AZ37" i="1"/>
  <c r="AY37" i="1"/>
  <c r="AX37" i="1"/>
  <c r="AW37" i="1"/>
  <c r="AV37" i="1"/>
  <c r="AP37" i="1"/>
  <c r="AO37" i="1"/>
  <c r="AN37" i="1"/>
  <c r="AM37" i="1"/>
  <c r="AL37" i="1"/>
  <c r="AK37" i="1"/>
  <c r="AJ37" i="1"/>
  <c r="AI37" i="1"/>
  <c r="AH37" i="1"/>
  <c r="U37" i="1"/>
  <c r="T37" i="1"/>
  <c r="S37" i="1"/>
  <c r="R37" i="1"/>
  <c r="Q37" i="1"/>
  <c r="P37" i="1"/>
  <c r="O37" i="1"/>
  <c r="N37" i="1"/>
  <c r="M37" i="1"/>
  <c r="L37" i="1"/>
  <c r="K37" i="1"/>
  <c r="J37" i="1"/>
  <c r="I37" i="1"/>
  <c r="H37" i="1"/>
  <c r="G37" i="1"/>
  <c r="F37" i="1"/>
  <c r="E37" i="1"/>
  <c r="D37" i="1"/>
  <c r="C37" i="1"/>
  <c r="BE36" i="1"/>
  <c r="BD36" i="1"/>
  <c r="BC36" i="1"/>
  <c r="BB36" i="1"/>
  <c r="BA36" i="1"/>
  <c r="AZ36" i="1"/>
  <c r="AY36" i="1"/>
  <c r="AX36" i="1"/>
  <c r="AW36" i="1"/>
  <c r="AV36" i="1"/>
  <c r="AP36" i="1"/>
  <c r="AO36" i="1"/>
  <c r="AN36" i="1"/>
  <c r="AM36" i="1"/>
  <c r="AL36" i="1"/>
  <c r="AK36" i="1"/>
  <c r="AJ36" i="1"/>
  <c r="AI36" i="1"/>
  <c r="AH36" i="1"/>
  <c r="U36" i="1"/>
  <c r="T36" i="1"/>
  <c r="S36" i="1"/>
  <c r="R36" i="1"/>
  <c r="Q36" i="1"/>
  <c r="P36" i="1"/>
  <c r="O36" i="1"/>
  <c r="N36" i="1"/>
  <c r="M36" i="1"/>
  <c r="L36" i="1"/>
  <c r="K36" i="1"/>
  <c r="J36" i="1"/>
  <c r="I36" i="1"/>
  <c r="H36" i="1"/>
  <c r="G36" i="1"/>
  <c r="F36" i="1"/>
  <c r="E36" i="1"/>
  <c r="D36" i="1"/>
  <c r="C36" i="1"/>
  <c r="BE35" i="1"/>
  <c r="BD35" i="1"/>
  <c r="BC35" i="1"/>
  <c r="BB35" i="1"/>
  <c r="BA35" i="1"/>
  <c r="AZ35" i="1"/>
  <c r="AY35" i="1"/>
  <c r="AX35" i="1"/>
  <c r="AW35" i="1"/>
  <c r="AV35" i="1"/>
  <c r="AP35" i="1"/>
  <c r="AO35" i="1"/>
  <c r="AN35" i="1"/>
  <c r="AM35" i="1"/>
  <c r="AL35" i="1"/>
  <c r="AK35" i="1"/>
  <c r="AJ35" i="1"/>
  <c r="AI35" i="1"/>
  <c r="AH35" i="1"/>
  <c r="U35" i="1"/>
  <c r="T35" i="1"/>
  <c r="S35" i="1"/>
  <c r="R35" i="1"/>
  <c r="Q35" i="1"/>
  <c r="P35" i="1"/>
  <c r="O35" i="1"/>
  <c r="N35" i="1"/>
  <c r="M35" i="1"/>
  <c r="L35" i="1"/>
  <c r="K35" i="1"/>
  <c r="J35" i="1"/>
  <c r="I35" i="1"/>
  <c r="H35" i="1"/>
  <c r="G35" i="1"/>
  <c r="F35" i="1"/>
  <c r="E35" i="1"/>
  <c r="D35" i="1"/>
  <c r="C35" i="1"/>
  <c r="BE34" i="1"/>
  <c r="BD34" i="1"/>
  <c r="BC34" i="1"/>
  <c r="BB34" i="1"/>
  <c r="BA34" i="1"/>
  <c r="AZ34" i="1"/>
  <c r="AY34" i="1"/>
  <c r="AX34" i="1"/>
  <c r="AW34" i="1"/>
  <c r="AV34" i="1"/>
  <c r="AP34" i="1"/>
  <c r="AO34" i="1"/>
  <c r="AN34" i="1"/>
  <c r="AM34" i="1"/>
  <c r="AL34" i="1"/>
  <c r="AK34" i="1"/>
  <c r="AJ34" i="1"/>
  <c r="AI34" i="1"/>
  <c r="AH34" i="1"/>
  <c r="U34" i="1"/>
  <c r="T34" i="1"/>
  <c r="S34" i="1"/>
  <c r="R34" i="1"/>
  <c r="Q34" i="1"/>
  <c r="P34" i="1"/>
  <c r="O34" i="1"/>
  <c r="N34" i="1"/>
  <c r="M34" i="1"/>
  <c r="L34" i="1"/>
  <c r="K34" i="1"/>
  <c r="J34" i="1"/>
  <c r="I34" i="1"/>
  <c r="H34" i="1"/>
  <c r="G34" i="1"/>
  <c r="F34" i="1"/>
  <c r="E34" i="1"/>
  <c r="D34" i="1"/>
  <c r="C34" i="1"/>
  <c r="BE33" i="1"/>
  <c r="BD33" i="1"/>
  <c r="BC33" i="1"/>
  <c r="BB33" i="1"/>
  <c r="BA33" i="1"/>
  <c r="AZ33" i="1"/>
  <c r="AY33" i="1"/>
  <c r="AX33" i="1"/>
  <c r="AW33" i="1"/>
  <c r="AV33" i="1"/>
  <c r="AP33" i="1"/>
  <c r="AO33" i="1"/>
  <c r="AN33" i="1"/>
  <c r="AM33" i="1"/>
  <c r="AL33" i="1"/>
  <c r="AK33" i="1"/>
  <c r="AJ33" i="1"/>
  <c r="AI33" i="1"/>
  <c r="AH33" i="1"/>
  <c r="U33" i="1"/>
  <c r="T33" i="1"/>
  <c r="S33" i="1"/>
  <c r="R33" i="1"/>
  <c r="Q33" i="1"/>
  <c r="P33" i="1"/>
  <c r="O33" i="1"/>
  <c r="N33" i="1"/>
  <c r="M33" i="1"/>
  <c r="L33" i="1"/>
  <c r="K33" i="1"/>
  <c r="J33" i="1"/>
  <c r="I33" i="1"/>
  <c r="H33" i="1"/>
  <c r="G33" i="1"/>
  <c r="F33" i="1"/>
  <c r="E33" i="1"/>
  <c r="D33" i="1"/>
  <c r="C33" i="1"/>
  <c r="BE32" i="1"/>
  <c r="BD32" i="1"/>
  <c r="BC32" i="1"/>
  <c r="BB32" i="1"/>
  <c r="BA32" i="1"/>
  <c r="AZ32" i="1"/>
  <c r="AY32" i="1"/>
  <c r="AX32" i="1"/>
  <c r="AW32" i="1"/>
  <c r="AV32" i="1"/>
  <c r="AP32" i="1"/>
  <c r="AO32" i="1"/>
  <c r="AN32" i="1"/>
  <c r="AM32" i="1"/>
  <c r="AL32" i="1"/>
  <c r="AK32" i="1"/>
  <c r="AJ32" i="1"/>
  <c r="AI32" i="1"/>
  <c r="AH32" i="1"/>
  <c r="U32" i="1"/>
  <c r="T32" i="1"/>
  <c r="S32" i="1"/>
  <c r="R32" i="1"/>
  <c r="Q32" i="1"/>
  <c r="P32" i="1"/>
  <c r="O32" i="1"/>
  <c r="N32" i="1"/>
  <c r="M32" i="1"/>
  <c r="L32" i="1"/>
  <c r="K32" i="1"/>
  <c r="J32" i="1"/>
  <c r="I32" i="1"/>
  <c r="H32" i="1"/>
  <c r="G32" i="1"/>
  <c r="F32" i="1"/>
  <c r="E32" i="1"/>
  <c r="D32" i="1"/>
  <c r="C32" i="1"/>
  <c r="BE31" i="1"/>
  <c r="BD31" i="1"/>
  <c r="BC31" i="1"/>
  <c r="BB31" i="1"/>
  <c r="BA31" i="1"/>
  <c r="AZ31" i="1"/>
  <c r="AY31" i="1"/>
  <c r="AX31" i="1"/>
  <c r="AW31" i="1"/>
  <c r="AV31" i="1"/>
  <c r="AP31" i="1"/>
  <c r="AO31" i="1"/>
  <c r="AN31" i="1"/>
  <c r="AM31" i="1"/>
  <c r="AL31" i="1"/>
  <c r="AK31" i="1"/>
  <c r="AJ31" i="1"/>
  <c r="AI31" i="1"/>
  <c r="AH31" i="1"/>
  <c r="U31" i="1"/>
  <c r="T31" i="1"/>
  <c r="S31" i="1"/>
  <c r="R31" i="1"/>
  <c r="Q31" i="1"/>
  <c r="P31" i="1"/>
  <c r="O31" i="1"/>
  <c r="N31" i="1"/>
  <c r="M31" i="1"/>
  <c r="L31" i="1"/>
  <c r="K31" i="1"/>
  <c r="J31" i="1"/>
  <c r="I31" i="1"/>
  <c r="H31" i="1"/>
  <c r="G31" i="1"/>
  <c r="F31" i="1"/>
  <c r="E31" i="1"/>
  <c r="D31" i="1"/>
  <c r="C31" i="1"/>
  <c r="BE30" i="1"/>
  <c r="BD30" i="1"/>
  <c r="BC30" i="1"/>
  <c r="BB30" i="1"/>
  <c r="BA30" i="1"/>
  <c r="AZ30" i="1"/>
  <c r="AY30" i="1"/>
  <c r="AX30" i="1"/>
  <c r="AW30" i="1"/>
  <c r="AV30" i="1"/>
  <c r="AQ30" i="1"/>
  <c r="AP30" i="1"/>
  <c r="AO30" i="1"/>
  <c r="AN30" i="1"/>
  <c r="AM30" i="1"/>
  <c r="AL30" i="1"/>
  <c r="AK30" i="1"/>
  <c r="AJ30" i="1"/>
  <c r="AI30" i="1"/>
  <c r="AH30" i="1"/>
  <c r="AG30" i="1"/>
  <c r="AC30" i="1"/>
  <c r="AB30" i="1"/>
  <c r="AA30" i="1"/>
  <c r="X30" i="1"/>
  <c r="W30" i="1"/>
  <c r="V30" i="1"/>
  <c r="U30" i="1"/>
  <c r="T30" i="1"/>
  <c r="S30" i="1"/>
  <c r="R30" i="1"/>
  <c r="Q30" i="1"/>
  <c r="P30" i="1"/>
  <c r="O30" i="1"/>
  <c r="N30" i="1"/>
  <c r="M30" i="1"/>
  <c r="L30" i="1"/>
  <c r="K30" i="1"/>
  <c r="J30" i="1"/>
  <c r="I30" i="1"/>
  <c r="H30" i="1"/>
  <c r="G30" i="1"/>
  <c r="F30" i="1"/>
  <c r="E30" i="1"/>
  <c r="D30" i="1"/>
  <c r="C30" i="1"/>
</calcChain>
</file>

<file path=xl/sharedStrings.xml><?xml version="1.0" encoding="utf-8"?>
<sst xmlns="http://schemas.openxmlformats.org/spreadsheetml/2006/main" count="810" uniqueCount="162">
  <si>
    <t>第１１表　年度別、保険者別経理状況（全被保険者分）（その２-１）</t>
    <rPh sb="0" eb="1">
      <t>ダイ</t>
    </rPh>
    <rPh sb="3" eb="4">
      <t>ヒョウ</t>
    </rPh>
    <rPh sb="5" eb="7">
      <t>ネンド</t>
    </rPh>
    <rPh sb="7" eb="8">
      <t>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18" eb="19">
      <t>ゼン</t>
    </rPh>
    <rPh sb="19" eb="23">
      <t>ヒホケンシャ</t>
    </rPh>
    <rPh sb="23" eb="24">
      <t>ブン</t>
    </rPh>
    <phoneticPr fontId="3"/>
  </si>
  <si>
    <t>第１１表　年度別、保険者別経理状況（全被保険者分）（その２-２）</t>
    <phoneticPr fontId="3"/>
  </si>
  <si>
    <t>第１１表　年度別、保険者別経理状況（全被保険者分）（その２-３）</t>
    <phoneticPr fontId="3"/>
  </si>
  <si>
    <t>支出</t>
    <rPh sb="0" eb="2">
      <t>シシュツ</t>
    </rPh>
    <phoneticPr fontId="3"/>
  </si>
  <si>
    <t>総務費</t>
    <rPh sb="0" eb="3">
      <t>ソウムヒ</t>
    </rPh>
    <phoneticPr fontId="3"/>
  </si>
  <si>
    <t>保険給付費</t>
    <rPh sb="0" eb="2">
      <t>ホケン</t>
    </rPh>
    <rPh sb="2" eb="5">
      <t>キュウフヒ</t>
    </rPh>
    <phoneticPr fontId="3"/>
  </si>
  <si>
    <t>後期高齢者支援金等</t>
    <rPh sb="0" eb="2">
      <t>コウキ</t>
    </rPh>
    <rPh sb="2" eb="5">
      <t>コウレイシャ</t>
    </rPh>
    <rPh sb="5" eb="8">
      <t>シエンキン</t>
    </rPh>
    <rPh sb="8" eb="9">
      <t>トウ</t>
    </rPh>
    <phoneticPr fontId="3"/>
  </si>
  <si>
    <t>前期高齢者納付金等</t>
    <rPh sb="0" eb="2">
      <t>ゼンキ</t>
    </rPh>
    <rPh sb="2" eb="5">
      <t>コウレイシャ</t>
    </rPh>
    <rPh sb="5" eb="8">
      <t>ノウフキン</t>
    </rPh>
    <rPh sb="8" eb="9">
      <t>トウ</t>
    </rPh>
    <phoneticPr fontId="3"/>
  </si>
  <si>
    <t>老人保健拠出金</t>
    <rPh sb="0" eb="2">
      <t>ロウジン</t>
    </rPh>
    <rPh sb="2" eb="4">
      <t>ホケン</t>
    </rPh>
    <rPh sb="4" eb="7">
      <t>キョシュツキン</t>
    </rPh>
    <phoneticPr fontId="3"/>
  </si>
  <si>
    <t>介護納付金</t>
    <rPh sb="0" eb="2">
      <t>カイゴ</t>
    </rPh>
    <rPh sb="2" eb="5">
      <t>ノウフキン</t>
    </rPh>
    <phoneticPr fontId="3"/>
  </si>
  <si>
    <t>国民健康保険事業費納付金</t>
    <rPh sb="0" eb="2">
      <t>コクミン</t>
    </rPh>
    <rPh sb="2" eb="4">
      <t>ケンコウ</t>
    </rPh>
    <rPh sb="4" eb="6">
      <t>ホケン</t>
    </rPh>
    <rPh sb="6" eb="9">
      <t>ジギョウヒ</t>
    </rPh>
    <rPh sb="9" eb="12">
      <t>ノウフキン</t>
    </rPh>
    <phoneticPr fontId="3"/>
  </si>
  <si>
    <t>財政安定化
基金拠出金</t>
    <rPh sb="0" eb="2">
      <t>ザイセイ</t>
    </rPh>
    <rPh sb="2" eb="5">
      <t>アンテイカ</t>
    </rPh>
    <rPh sb="6" eb="8">
      <t>キキン</t>
    </rPh>
    <rPh sb="8" eb="11">
      <t>キョシュツキン</t>
    </rPh>
    <phoneticPr fontId="3"/>
  </si>
  <si>
    <t>共同事業交付金</t>
    <rPh sb="0" eb="2">
      <t>キョウドウ</t>
    </rPh>
    <rPh sb="2" eb="4">
      <t>ジギョウ</t>
    </rPh>
    <rPh sb="4" eb="7">
      <t>コウフキン</t>
    </rPh>
    <phoneticPr fontId="3"/>
  </si>
  <si>
    <t>保健事業費</t>
    <rPh sb="0" eb="2">
      <t>ホケン</t>
    </rPh>
    <rPh sb="2" eb="5">
      <t>ジギョウヒ</t>
    </rPh>
    <phoneticPr fontId="3"/>
  </si>
  <si>
    <t>保険給付費等
交付金償還金</t>
    <phoneticPr fontId="3"/>
  </si>
  <si>
    <t>直診勘定
繰出金</t>
    <rPh sb="0" eb="1">
      <t>チョク</t>
    </rPh>
    <rPh sb="1" eb="2">
      <t>シン</t>
    </rPh>
    <rPh sb="2" eb="4">
      <t>カンジョウ</t>
    </rPh>
    <rPh sb="5" eb="7">
      <t>クリダ</t>
    </rPh>
    <rPh sb="7" eb="8">
      <t>キン</t>
    </rPh>
    <phoneticPr fontId="3"/>
  </si>
  <si>
    <t>基金
（準備金）
積立金</t>
    <rPh sb="0" eb="2">
      <t>キキン</t>
    </rPh>
    <rPh sb="4" eb="7">
      <t>ジュンビキン</t>
    </rPh>
    <rPh sb="9" eb="11">
      <t>ツミタテ</t>
    </rPh>
    <rPh sb="11" eb="12">
      <t>キン</t>
    </rPh>
    <phoneticPr fontId="3"/>
  </si>
  <si>
    <t>公債費</t>
    <rPh sb="0" eb="3">
      <t>コウサイヒ</t>
    </rPh>
    <phoneticPr fontId="3"/>
  </si>
  <si>
    <t>その他
の支出</t>
    <rPh sb="2" eb="3">
      <t>タ</t>
    </rPh>
    <rPh sb="5" eb="7">
      <t>シシュツ</t>
    </rPh>
    <phoneticPr fontId="3"/>
  </si>
  <si>
    <t>前年度
繰上
充用金</t>
    <rPh sb="0" eb="3">
      <t>ゼンネンド</t>
    </rPh>
    <rPh sb="4" eb="6">
      <t>クリアゲ</t>
    </rPh>
    <rPh sb="7" eb="9">
      <t>ジュウヨウ</t>
    </rPh>
    <rPh sb="9" eb="10">
      <t>カネ</t>
    </rPh>
    <phoneticPr fontId="3"/>
  </si>
  <si>
    <t>合計</t>
    <rPh sb="0" eb="2">
      <t>ゴウケイ</t>
    </rPh>
    <phoneticPr fontId="3"/>
  </si>
  <si>
    <t>一般被保険者分</t>
    <rPh sb="0" eb="2">
      <t>イッパン</t>
    </rPh>
    <rPh sb="2" eb="6">
      <t>ヒホケンシャ</t>
    </rPh>
    <rPh sb="6" eb="7">
      <t>ブン</t>
    </rPh>
    <phoneticPr fontId="3"/>
  </si>
  <si>
    <t>退職被保険者等分</t>
    <rPh sb="0" eb="2">
      <t>タイショク</t>
    </rPh>
    <rPh sb="2" eb="6">
      <t>ヒホケンシャ</t>
    </rPh>
    <rPh sb="6" eb="7">
      <t>トウ</t>
    </rPh>
    <rPh sb="7" eb="8">
      <t>ブン</t>
    </rPh>
    <phoneticPr fontId="3"/>
  </si>
  <si>
    <t>審査
手数料</t>
    <rPh sb="0" eb="2">
      <t>シンサ</t>
    </rPh>
    <rPh sb="3" eb="6">
      <t>テスウリョウ</t>
    </rPh>
    <phoneticPr fontId="3"/>
  </si>
  <si>
    <t>計</t>
    <rPh sb="0" eb="1">
      <t>ケイ</t>
    </rPh>
    <phoneticPr fontId="3"/>
  </si>
  <si>
    <t>後期高齢者
支援金</t>
    <rPh sb="0" eb="2">
      <t>コウキ</t>
    </rPh>
    <rPh sb="2" eb="5">
      <t>コウレイシャ</t>
    </rPh>
    <rPh sb="6" eb="9">
      <t>シエンキン</t>
    </rPh>
    <phoneticPr fontId="3"/>
  </si>
  <si>
    <t>事務費
拠出金</t>
    <rPh sb="0" eb="3">
      <t>ジムヒ</t>
    </rPh>
    <rPh sb="4" eb="7">
      <t>キョシュツキン</t>
    </rPh>
    <phoneticPr fontId="3"/>
  </si>
  <si>
    <t>前期高齢者
納付金</t>
    <rPh sb="0" eb="2">
      <t>ゼンキ</t>
    </rPh>
    <rPh sb="2" eb="5">
      <t>コウレイシャ</t>
    </rPh>
    <rPh sb="6" eb="9">
      <t>ノウフキン</t>
    </rPh>
    <phoneticPr fontId="3"/>
  </si>
  <si>
    <t>医療費
拠出金</t>
    <rPh sb="0" eb="3">
      <t>イリョウヒ</t>
    </rPh>
    <rPh sb="4" eb="7">
      <t>キョシュツキン</t>
    </rPh>
    <phoneticPr fontId="3"/>
  </si>
  <si>
    <t>医療給付費分</t>
    <rPh sb="0" eb="2">
      <t>イリョウ</t>
    </rPh>
    <rPh sb="2" eb="4">
      <t>キュウフ</t>
    </rPh>
    <rPh sb="4" eb="6">
      <t>ヒブン</t>
    </rPh>
    <phoneticPr fontId="3"/>
  </si>
  <si>
    <t>後期高齢者支援金等分</t>
    <rPh sb="0" eb="5">
      <t>コウキコウレイシャ</t>
    </rPh>
    <rPh sb="5" eb="8">
      <t>シエンキン</t>
    </rPh>
    <rPh sb="8" eb="10">
      <t>トウブン</t>
    </rPh>
    <phoneticPr fontId="3"/>
  </si>
  <si>
    <t>介護
納付金分</t>
    <rPh sb="0" eb="2">
      <t>カイゴ</t>
    </rPh>
    <rPh sb="3" eb="6">
      <t>ノウフキン</t>
    </rPh>
    <rPh sb="6" eb="7">
      <t>ブン</t>
    </rPh>
    <phoneticPr fontId="3"/>
  </si>
  <si>
    <t>高額共同
事業交付金</t>
    <rPh sb="0" eb="2">
      <t>コウガク</t>
    </rPh>
    <rPh sb="2" eb="4">
      <t>キョウドウ</t>
    </rPh>
    <rPh sb="5" eb="7">
      <t>ジギョウ</t>
    </rPh>
    <rPh sb="7" eb="10">
      <t>コウフキン</t>
    </rPh>
    <phoneticPr fontId="3"/>
  </si>
  <si>
    <t>保険財政
共同安定化
事業交付金</t>
    <rPh sb="0" eb="2">
      <t>ホケン</t>
    </rPh>
    <rPh sb="2" eb="4">
      <t>ザイセイ</t>
    </rPh>
    <rPh sb="5" eb="7">
      <t>キョウドウ</t>
    </rPh>
    <rPh sb="7" eb="10">
      <t>アンテイカ</t>
    </rPh>
    <rPh sb="11" eb="13">
      <t>ジギョウ</t>
    </rPh>
    <rPh sb="13" eb="16">
      <t>コウフキン</t>
    </rPh>
    <phoneticPr fontId="3"/>
  </si>
  <si>
    <t>その他</t>
    <rPh sb="2" eb="3">
      <t>タ</t>
    </rPh>
    <phoneticPr fontId="3"/>
  </si>
  <si>
    <t>特定健康
診査等
事業費</t>
    <rPh sb="0" eb="2">
      <t>トクテイ</t>
    </rPh>
    <rPh sb="2" eb="4">
      <t>ケンコウ</t>
    </rPh>
    <rPh sb="5" eb="7">
      <t>シンサ</t>
    </rPh>
    <rPh sb="7" eb="8">
      <t>トウ</t>
    </rPh>
    <rPh sb="9" eb="11">
      <t>ジギョウ</t>
    </rPh>
    <rPh sb="11" eb="12">
      <t>ヒ</t>
    </rPh>
    <phoneticPr fontId="3"/>
  </si>
  <si>
    <t>保健
事業費</t>
    <rPh sb="0" eb="2">
      <t>ホケン</t>
    </rPh>
    <rPh sb="3" eb="5">
      <t>ジギョウ</t>
    </rPh>
    <rPh sb="5" eb="6">
      <t>ヒ</t>
    </rPh>
    <phoneticPr fontId="3"/>
  </si>
  <si>
    <t>健康管理
センター
事務費</t>
    <rPh sb="0" eb="2">
      <t>ケンコウ</t>
    </rPh>
    <rPh sb="2" eb="4">
      <t>カンリ</t>
    </rPh>
    <rPh sb="10" eb="13">
      <t>ジムヒ</t>
    </rPh>
    <phoneticPr fontId="3"/>
  </si>
  <si>
    <t>療養給付費</t>
    <rPh sb="0" eb="2">
      <t>リョウヨウ</t>
    </rPh>
    <rPh sb="2" eb="5">
      <t>キュウフヒ</t>
    </rPh>
    <phoneticPr fontId="3"/>
  </si>
  <si>
    <t>療養費</t>
    <rPh sb="0" eb="3">
      <t>リョウヨウヒ</t>
    </rPh>
    <phoneticPr fontId="3"/>
  </si>
  <si>
    <t>小計</t>
    <rPh sb="0" eb="2">
      <t>ショウケイ</t>
    </rPh>
    <phoneticPr fontId="3"/>
  </si>
  <si>
    <t>高額療養費</t>
    <rPh sb="0" eb="2">
      <t>コウガク</t>
    </rPh>
    <rPh sb="2" eb="5">
      <t>リョウヨウヒ</t>
    </rPh>
    <phoneticPr fontId="3"/>
  </si>
  <si>
    <t>高額介護
合算療養費</t>
    <rPh sb="0" eb="2">
      <t>コウガク</t>
    </rPh>
    <rPh sb="2" eb="4">
      <t>カイゴ</t>
    </rPh>
    <rPh sb="5" eb="7">
      <t>ガッサン</t>
    </rPh>
    <rPh sb="7" eb="10">
      <t>リョウヨウヒ</t>
    </rPh>
    <phoneticPr fontId="3"/>
  </si>
  <si>
    <t>移送費</t>
    <rPh sb="0" eb="3">
      <t>イソウヒ</t>
    </rPh>
    <phoneticPr fontId="3"/>
  </si>
  <si>
    <t>出産育児</t>
    <rPh sb="0" eb="2">
      <t>シュッサン</t>
    </rPh>
    <rPh sb="2" eb="4">
      <t>イクジ</t>
    </rPh>
    <phoneticPr fontId="3"/>
  </si>
  <si>
    <t>葬祭諸費</t>
    <rPh sb="0" eb="4">
      <t>ソウサイヒ</t>
    </rPh>
    <phoneticPr fontId="3"/>
  </si>
  <si>
    <t>育児諸費</t>
    <rPh sb="0" eb="2">
      <t>イクジ</t>
    </rPh>
    <rPh sb="2" eb="4">
      <t>ショヒ</t>
    </rPh>
    <phoneticPr fontId="3"/>
  </si>
  <si>
    <t>その他</t>
    <rPh sb="0" eb="3">
      <t>ソノタ</t>
    </rPh>
    <phoneticPr fontId="3"/>
  </si>
  <si>
    <t>療給療養費</t>
    <rPh sb="0" eb="2">
      <t>リョウキュウ</t>
    </rPh>
    <rPh sb="2" eb="5">
      <t>リョウヨウヒ</t>
    </rPh>
    <phoneticPr fontId="3"/>
  </si>
  <si>
    <t>一般分</t>
    <rPh sb="0" eb="2">
      <t>イッパン</t>
    </rPh>
    <rPh sb="2" eb="3">
      <t>ブン</t>
    </rPh>
    <phoneticPr fontId="3"/>
  </si>
  <si>
    <t>退職分</t>
    <rPh sb="0" eb="2">
      <t>タイショク</t>
    </rPh>
    <rPh sb="2" eb="3">
      <t>ブン</t>
    </rPh>
    <phoneticPr fontId="3"/>
  </si>
  <si>
    <t>B1#71</t>
  </si>
  <si>
    <t>B1#72</t>
  </si>
  <si>
    <t>B1#73</t>
  </si>
  <si>
    <t>B1#74</t>
  </si>
  <si>
    <t>B1#75</t>
    <phoneticPr fontId="3"/>
  </si>
  <si>
    <t>B1#323</t>
    <phoneticPr fontId="3"/>
  </si>
  <si>
    <t>B1#212</t>
  </si>
  <si>
    <t>B1#214</t>
  </si>
  <si>
    <t>B1#77</t>
  </si>
  <si>
    <t>B1#78</t>
  </si>
  <si>
    <t>B1#79</t>
  </si>
  <si>
    <t>B1#80</t>
  </si>
  <si>
    <t>B1#81</t>
  </si>
  <si>
    <t>B1#82</t>
    <phoneticPr fontId="3"/>
  </si>
  <si>
    <t>B1#324</t>
    <phoneticPr fontId="3"/>
  </si>
  <si>
    <t>B1#216</t>
  </si>
  <si>
    <t>B1#83</t>
  </si>
  <si>
    <t>B1#84</t>
  </si>
  <si>
    <t>B1#85</t>
  </si>
  <si>
    <t>B1#325</t>
    <phoneticPr fontId="3"/>
  </si>
  <si>
    <t>B1#326</t>
    <phoneticPr fontId="3"/>
  </si>
  <si>
    <t>B1#327</t>
    <phoneticPr fontId="3"/>
  </si>
  <si>
    <t>B1#328</t>
    <phoneticPr fontId="3"/>
  </si>
  <si>
    <t>B1#329</t>
    <phoneticPr fontId="3"/>
  </si>
  <si>
    <t>B1#330</t>
    <phoneticPr fontId="3"/>
  </si>
  <si>
    <t>B1#86</t>
  </si>
  <si>
    <t>B1#87</t>
  </si>
  <si>
    <t>B1#88</t>
  </si>
  <si>
    <t>B1#179</t>
    <phoneticPr fontId="3"/>
  </si>
  <si>
    <t>B1#407</t>
    <phoneticPr fontId="3"/>
  </si>
  <si>
    <t>B1#408</t>
    <phoneticPr fontId="3"/>
  </si>
  <si>
    <t>B1#409</t>
    <phoneticPr fontId="3"/>
  </si>
  <si>
    <t>B1#410</t>
    <phoneticPr fontId="3"/>
  </si>
  <si>
    <t>B1#411</t>
    <phoneticPr fontId="3"/>
  </si>
  <si>
    <t>B1#412</t>
    <phoneticPr fontId="3"/>
  </si>
  <si>
    <t>B1#413</t>
    <phoneticPr fontId="3"/>
  </si>
  <si>
    <t>B1#414</t>
    <phoneticPr fontId="3"/>
  </si>
  <si>
    <t>B1#415</t>
    <phoneticPr fontId="3"/>
  </si>
  <si>
    <t>B1#237</t>
    <phoneticPr fontId="3"/>
  </si>
  <si>
    <t>B1#238</t>
    <phoneticPr fontId="3"/>
  </si>
  <si>
    <t>B1#239</t>
  </si>
  <si>
    <t>B1#331</t>
    <phoneticPr fontId="3"/>
  </si>
  <si>
    <t>B1#90</t>
  </si>
  <si>
    <t>B1#332</t>
    <phoneticPr fontId="3"/>
  </si>
  <si>
    <t>B1#417</t>
    <phoneticPr fontId="3"/>
  </si>
  <si>
    <t>B1#91</t>
  </si>
  <si>
    <t>B1#185</t>
    <phoneticPr fontId="3"/>
  </si>
  <si>
    <t>B1#92</t>
  </si>
  <si>
    <t>B1#93</t>
  </si>
  <si>
    <t>B1#94</t>
  </si>
  <si>
    <t>B1#95</t>
  </si>
  <si>
    <t>第１１表　年度別、保険者別経理状況（全被保険者分）（その２-１）</t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18" eb="23">
      <t>ゼンヒホケンシャ</t>
    </rPh>
    <rPh sb="23" eb="24">
      <t>ブン</t>
    </rPh>
    <phoneticPr fontId="3"/>
  </si>
  <si>
    <t>第１１表　年度別、保険者別経理状況（全被保険者分）（その２-２）</t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18" eb="23">
      <t>ゼンヒホケンシャ</t>
    </rPh>
    <rPh sb="23" eb="24">
      <t>ブン</t>
    </rPh>
    <phoneticPr fontId="3"/>
  </si>
  <si>
    <t>番
号</t>
    <rPh sb="0" eb="1">
      <t>バン</t>
    </rPh>
    <rPh sb="2" eb="3">
      <t>ゴウ</t>
    </rPh>
    <phoneticPr fontId="3"/>
  </si>
  <si>
    <t>年　　度
保険者名</t>
    <rPh sb="0" eb="1">
      <t>ネン</t>
    </rPh>
    <rPh sb="3" eb="4">
      <t>ド</t>
    </rPh>
    <rPh sb="5" eb="8">
      <t>ホケンシャ</t>
    </rPh>
    <rPh sb="8" eb="9">
      <t>メイ</t>
    </rPh>
    <phoneticPr fontId="3"/>
  </si>
  <si>
    <t>共同事業拠出金</t>
    <rPh sb="0" eb="2">
      <t>キョウドウ</t>
    </rPh>
    <rPh sb="2" eb="4">
      <t>ジギョウ</t>
    </rPh>
    <rPh sb="4" eb="7">
      <t>キョシュツキン</t>
    </rPh>
    <phoneticPr fontId="3"/>
  </si>
  <si>
    <r>
      <rPr>
        <sz val="10"/>
        <color indexed="40"/>
        <rFont val="ＭＳ Ｐゴシック"/>
        <family val="3"/>
        <charset val="128"/>
      </rPr>
      <t>保健</t>
    </r>
    <r>
      <rPr>
        <sz val="10"/>
        <rFont val="ＭＳ Ｐゴシック"/>
        <family val="3"/>
        <charset val="128"/>
      </rPr>
      <t>事業費</t>
    </r>
    <rPh sb="0" eb="2">
      <t>ホケン</t>
    </rPh>
    <rPh sb="2" eb="5">
      <t>ジギョウヒ</t>
    </rPh>
    <phoneticPr fontId="3"/>
  </si>
  <si>
    <t>保険給付費等
交付金償還金</t>
    <rPh sb="0" eb="2">
      <t>ホケン</t>
    </rPh>
    <rPh sb="2" eb="5">
      <t>キュウフヒ</t>
    </rPh>
    <rPh sb="5" eb="6">
      <t>トウ</t>
    </rPh>
    <rPh sb="7" eb="10">
      <t>コウフキン</t>
    </rPh>
    <rPh sb="10" eb="13">
      <t>ショウカンキン</t>
    </rPh>
    <phoneticPr fontId="3"/>
  </si>
  <si>
    <t>基金
（準備金）
積立金</t>
    <rPh sb="0" eb="2">
      <t>キキン</t>
    </rPh>
    <rPh sb="4" eb="7">
      <t>ジュンビキン</t>
    </rPh>
    <rPh sb="9" eb="12">
      <t>ツミタテキン</t>
    </rPh>
    <phoneticPr fontId="3"/>
  </si>
  <si>
    <r>
      <t xml:space="preserve">公債費
</t>
    </r>
    <r>
      <rPr>
        <sz val="10"/>
        <color indexed="40"/>
        <rFont val="ＭＳ Ｐゴシック"/>
        <family val="3"/>
        <charset val="128"/>
      </rPr>
      <t>（組合債費）</t>
    </r>
    <rPh sb="0" eb="3">
      <t>コウサイヒ</t>
    </rPh>
    <rPh sb="5" eb="7">
      <t>クミアイ</t>
    </rPh>
    <rPh sb="7" eb="8">
      <t>サイ</t>
    </rPh>
    <rPh sb="8" eb="9">
      <t>ヒ</t>
    </rPh>
    <phoneticPr fontId="3"/>
  </si>
  <si>
    <t>前年度
繰上充用金</t>
    <rPh sb="0" eb="3">
      <t>ゼンネンド</t>
    </rPh>
    <rPh sb="4" eb="6">
      <t>クリアゲ</t>
    </rPh>
    <rPh sb="6" eb="8">
      <t>ジュウヨウ</t>
    </rPh>
    <rPh sb="8" eb="9">
      <t>カネ</t>
    </rPh>
    <phoneticPr fontId="3"/>
  </si>
  <si>
    <t>高額共同
事業拠出金</t>
    <rPh sb="0" eb="2">
      <t>コウガク</t>
    </rPh>
    <rPh sb="2" eb="4">
      <t>キョウドウ</t>
    </rPh>
    <rPh sb="5" eb="7">
      <t>ジギョウ</t>
    </rPh>
    <rPh sb="7" eb="10">
      <t>キョシュツキン</t>
    </rPh>
    <phoneticPr fontId="3"/>
  </si>
  <si>
    <t>保険財政
共同安定化
事業拠出金</t>
    <rPh sb="0" eb="2">
      <t>ホケン</t>
    </rPh>
    <rPh sb="2" eb="4">
      <t>ザイセイ</t>
    </rPh>
    <rPh sb="5" eb="7">
      <t>キョウドウ</t>
    </rPh>
    <rPh sb="7" eb="10">
      <t>アンテイカ</t>
    </rPh>
    <rPh sb="11" eb="13">
      <t>ジギョウ</t>
    </rPh>
    <rPh sb="13" eb="16">
      <t>キョシュツキン</t>
    </rPh>
    <phoneticPr fontId="3"/>
  </si>
  <si>
    <t>千円</t>
    <rPh sb="0" eb="2">
      <t>センエン</t>
    </rPh>
    <phoneticPr fontId="3"/>
  </si>
  <si>
    <t>平成18年度</t>
    <rPh sb="0" eb="2">
      <t>ヘイセイ</t>
    </rPh>
    <rPh sb="4" eb="6">
      <t>ネンド</t>
    </rPh>
    <phoneticPr fontId="3"/>
  </si>
  <si>
    <t>-</t>
    <phoneticPr fontId="3"/>
  </si>
  <si>
    <t>-</t>
  </si>
  <si>
    <t>平成19年度</t>
    <rPh sb="0" eb="2">
      <t>ヘイセイ</t>
    </rPh>
    <rPh sb="4" eb="6">
      <t>ネンド</t>
    </rPh>
    <phoneticPr fontId="3"/>
  </si>
  <si>
    <t>平成20年度</t>
    <rPh sb="0" eb="2">
      <t>ヘイセイ</t>
    </rPh>
    <rPh sb="4" eb="6">
      <t>ネンド</t>
    </rPh>
    <phoneticPr fontId="3"/>
  </si>
  <si>
    <t>平成21年度</t>
    <rPh sb="0" eb="2">
      <t>ヘイセイ</t>
    </rPh>
    <rPh sb="4" eb="6">
      <t>ネンド</t>
    </rPh>
    <phoneticPr fontId="3"/>
  </si>
  <si>
    <t>平成22年度</t>
    <rPh sb="0" eb="2">
      <t>ヘイセイ</t>
    </rPh>
    <rPh sb="4" eb="6">
      <t>ネンド</t>
    </rPh>
    <phoneticPr fontId="3"/>
  </si>
  <si>
    <t>平成23年度</t>
    <rPh sb="0" eb="2">
      <t>ヘイセイ</t>
    </rPh>
    <rPh sb="4" eb="6">
      <t>ネンド</t>
    </rPh>
    <phoneticPr fontId="3"/>
  </si>
  <si>
    <t>平成24年度</t>
    <rPh sb="0" eb="2">
      <t>ヘイセイ</t>
    </rPh>
    <rPh sb="4" eb="6">
      <t>ネンド</t>
    </rPh>
    <phoneticPr fontId="3"/>
  </si>
  <si>
    <t>平成25年度</t>
    <rPh sb="0" eb="2">
      <t>ヘイセイ</t>
    </rPh>
    <rPh sb="4" eb="6">
      <t>ネンド</t>
    </rPh>
    <phoneticPr fontId="3"/>
  </si>
  <si>
    <t>平成26年度</t>
    <rPh sb="0" eb="2">
      <t>ヘイセイ</t>
    </rPh>
    <rPh sb="4" eb="6">
      <t>ネンド</t>
    </rPh>
    <phoneticPr fontId="3"/>
  </si>
  <si>
    <t>平成27年度</t>
    <rPh sb="0" eb="2">
      <t>ヘイセイ</t>
    </rPh>
    <rPh sb="4" eb="6">
      <t>ネンド</t>
    </rPh>
    <phoneticPr fontId="3"/>
  </si>
  <si>
    <t>平成28年度</t>
    <rPh sb="0" eb="2">
      <t>ヘイセイ</t>
    </rPh>
    <rPh sb="4" eb="6">
      <t>ネンド</t>
    </rPh>
    <phoneticPr fontId="3"/>
  </si>
  <si>
    <t>平成29年度</t>
    <rPh sb="0" eb="2">
      <t>ヘイセイ</t>
    </rPh>
    <rPh sb="4" eb="6">
      <t>ネンド</t>
    </rPh>
    <phoneticPr fontId="3"/>
  </si>
  <si>
    <t>平成30年度</t>
    <rPh sb="0" eb="2">
      <t>ヘイセイ</t>
    </rPh>
    <rPh sb="4" eb="6">
      <t>ネンド</t>
    </rPh>
    <phoneticPr fontId="3"/>
  </si>
  <si>
    <r>
      <t>令和</t>
    </r>
    <r>
      <rPr>
        <sz val="10"/>
        <rFont val="ＭＳ Ｐゴシック"/>
        <family val="3"/>
        <charset val="128"/>
      </rPr>
      <t>元年度</t>
    </r>
    <rPh sb="0" eb="2">
      <t>レイワ</t>
    </rPh>
    <rPh sb="2" eb="4">
      <t>ガンネン</t>
    </rPh>
    <rPh sb="3" eb="5">
      <t>ネンド</t>
    </rPh>
    <phoneticPr fontId="3"/>
  </si>
  <si>
    <t>令和元年度</t>
    <rPh sb="0" eb="2">
      <t>レイワ</t>
    </rPh>
    <rPh sb="2" eb="4">
      <t>ガンネン</t>
    </rPh>
    <rPh sb="3" eb="5">
      <t>ネンド</t>
    </rPh>
    <phoneticPr fontId="3"/>
  </si>
  <si>
    <r>
      <t>令和元</t>
    </r>
    <r>
      <rPr>
        <sz val="10"/>
        <rFont val="ＭＳ Ｐゴシック"/>
        <family val="3"/>
        <charset val="128"/>
      </rPr>
      <t>年度</t>
    </r>
    <rPh sb="0" eb="2">
      <t>レイワ</t>
    </rPh>
    <rPh sb="2" eb="4">
      <t>ガンネン</t>
    </rPh>
    <rPh sb="4" eb="5">
      <t>ガンネン</t>
    </rPh>
    <phoneticPr fontId="3"/>
  </si>
  <si>
    <r>
      <t>令和</t>
    </r>
    <r>
      <rPr>
        <sz val="10"/>
        <rFont val="ＭＳ Ｐゴシック"/>
        <family val="3"/>
        <charset val="128"/>
      </rPr>
      <t>２年度</t>
    </r>
    <rPh sb="0" eb="2">
      <t>レイワ</t>
    </rPh>
    <rPh sb="3" eb="5">
      <t>ネンド</t>
    </rPh>
    <phoneticPr fontId="3"/>
  </si>
  <si>
    <r>
      <t>令和</t>
    </r>
    <r>
      <rPr>
        <sz val="10"/>
        <rFont val="ＭＳ Ｐゴシック"/>
        <family val="3"/>
        <charset val="128"/>
      </rPr>
      <t>３年度</t>
    </r>
    <r>
      <rPr>
        <b/>
        <sz val="11"/>
        <rFont val="明朝"/>
        <family val="3"/>
        <charset val="128"/>
      </rPr>
      <t/>
    </r>
    <rPh sb="0" eb="2">
      <t>レイワ</t>
    </rPh>
    <rPh sb="3" eb="5">
      <t>ネンド</t>
    </rPh>
    <phoneticPr fontId="3"/>
  </si>
  <si>
    <r>
      <t>令和</t>
    </r>
    <r>
      <rPr>
        <sz val="10"/>
        <rFont val="ＭＳ Ｐゴシック"/>
        <family val="3"/>
        <charset val="128"/>
      </rPr>
      <t>４年度</t>
    </r>
    <r>
      <rPr>
        <b/>
        <sz val="11"/>
        <rFont val="明朝"/>
        <family val="3"/>
        <charset val="128"/>
      </rPr>
      <t/>
    </r>
    <rPh sb="0" eb="2">
      <t>レイワ</t>
    </rPh>
    <rPh sb="3" eb="5">
      <t>ネンド</t>
    </rPh>
    <phoneticPr fontId="3"/>
  </si>
  <si>
    <r>
      <t>令和</t>
    </r>
    <r>
      <rPr>
        <sz val="10"/>
        <color indexed="10"/>
        <rFont val="ＭＳ Ｐゴシック"/>
        <family val="3"/>
        <charset val="128"/>
      </rPr>
      <t>５</t>
    </r>
    <r>
      <rPr>
        <sz val="10"/>
        <rFont val="ＭＳ Ｐゴシック"/>
        <family val="3"/>
        <charset val="128"/>
      </rPr>
      <t>年度</t>
    </r>
    <rPh sb="0" eb="2">
      <t>レイワ</t>
    </rPh>
    <rPh sb="3" eb="5">
      <t>ネンド</t>
    </rPh>
    <phoneticPr fontId="3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市町村計</t>
  </si>
  <si>
    <t xml:space="preserve"> 医師組合</t>
  </si>
  <si>
    <t>令和２年度</t>
    <rPh sb="0" eb="2">
      <t>レイワ</t>
    </rPh>
    <rPh sb="3" eb="5">
      <t>ネンド</t>
    </rPh>
    <rPh sb="4" eb="5">
      <t>ガンネン</t>
    </rPh>
    <phoneticPr fontId="3"/>
  </si>
  <si>
    <r>
      <t>令和３年度</t>
    </r>
    <r>
      <rPr>
        <b/>
        <sz val="11"/>
        <rFont val="明朝"/>
        <family val="3"/>
        <charset val="128"/>
      </rPr>
      <t/>
    </r>
    <rPh sb="0" eb="2">
      <t>レイワ</t>
    </rPh>
    <rPh sb="3" eb="5">
      <t>ネンド</t>
    </rPh>
    <rPh sb="4" eb="5">
      <t>ガンネン</t>
    </rPh>
    <phoneticPr fontId="3"/>
  </si>
  <si>
    <r>
      <t>令和４年度</t>
    </r>
    <r>
      <rPr>
        <b/>
        <sz val="11"/>
        <rFont val="明朝"/>
        <family val="3"/>
        <charset val="128"/>
      </rPr>
      <t/>
    </r>
    <rPh sb="0" eb="2">
      <t>レイワ</t>
    </rPh>
    <rPh sb="3" eb="5">
      <t>ネンド</t>
    </rPh>
    <rPh sb="4" eb="5">
      <t>ガンネン</t>
    </rPh>
    <phoneticPr fontId="3"/>
  </si>
  <si>
    <t>令和５年度</t>
    <rPh sb="0" eb="2">
      <t>レイワ</t>
    </rPh>
    <rPh sb="3" eb="5">
      <t>ネンド</t>
    </rPh>
    <rPh sb="4" eb="5">
      <t>ガンネ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,##0_ ;[Red]\-#,##0\ "/>
    <numFmt numFmtId="177" formatCode="#,##0_ "/>
    <numFmt numFmtId="178" formatCode="000"/>
    <numFmt numFmtId="179" formatCode="###,###,###,##0"/>
    <numFmt numFmtId="180" formatCode="#,##0.0_);[Red]\(#,##0.0\)"/>
  </numFmts>
  <fonts count="12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10"/>
      <color rgb="FFFF0000"/>
      <name val="ＭＳ Ｐゴシック"/>
      <family val="3"/>
      <charset val="128"/>
    </font>
    <font>
      <sz val="10"/>
      <color rgb="FF00B0F0"/>
      <name val="ＭＳ Ｐゴシック"/>
      <family val="3"/>
      <charset val="128"/>
    </font>
    <font>
      <sz val="10"/>
      <color indexed="40"/>
      <name val="ＭＳ Ｐゴシック"/>
      <family val="3"/>
      <charset val="128"/>
    </font>
    <font>
      <sz val="10"/>
      <color rgb="FF00CCFF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b/>
      <sz val="11"/>
      <name val="明朝"/>
      <family val="3"/>
      <charset val="128"/>
    </font>
    <font>
      <sz val="10"/>
      <color indexed="10"/>
      <name val="ＭＳ Ｐゴシック"/>
      <family val="3"/>
      <charset val="128"/>
    </font>
    <font>
      <sz val="10"/>
      <color indexed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85">
    <xf numFmtId="0" fontId="0" fillId="0" borderId="0" xfId="0"/>
    <xf numFmtId="0" fontId="1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vertical="center"/>
    </xf>
    <xf numFmtId="0" fontId="1" fillId="0" borderId="3" xfId="0" applyFont="1" applyBorder="1" applyAlignment="1">
      <alignment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4" xfId="0" applyFont="1" applyBorder="1" applyAlignment="1">
      <alignment vertical="center"/>
    </xf>
    <xf numFmtId="0" fontId="4" fillId="0" borderId="9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 wrapText="1"/>
    </xf>
    <xf numFmtId="0" fontId="1" fillId="0" borderId="9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 wrapText="1"/>
    </xf>
    <xf numFmtId="0" fontId="1" fillId="0" borderId="1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 wrapText="1"/>
    </xf>
    <xf numFmtId="0" fontId="5" fillId="0" borderId="11" xfId="0" applyFont="1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1" fillId="0" borderId="11" xfId="0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/>
    </xf>
    <xf numFmtId="0" fontId="0" fillId="0" borderId="11" xfId="0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/>
    </xf>
    <xf numFmtId="0" fontId="1" fillId="0" borderId="9" xfId="0" applyFont="1" applyBorder="1" applyAlignment="1">
      <alignment vertical="center"/>
    </xf>
    <xf numFmtId="0" fontId="1" fillId="0" borderId="9" xfId="0" applyFont="1" applyBorder="1" applyAlignment="1">
      <alignment horizontal="right" vertical="center"/>
    </xf>
    <xf numFmtId="0" fontId="4" fillId="0" borderId="9" xfId="0" applyFont="1" applyBorder="1" applyAlignment="1">
      <alignment horizontal="right" vertical="center"/>
    </xf>
    <xf numFmtId="0" fontId="1" fillId="0" borderId="0" xfId="0" applyFont="1" applyAlignment="1">
      <alignment horizontal="right" vertical="center"/>
    </xf>
    <xf numFmtId="0" fontId="1" fillId="0" borderId="13" xfId="0" applyFont="1" applyBorder="1" applyAlignment="1">
      <alignment horizontal="center" vertical="center" wrapText="1"/>
    </xf>
    <xf numFmtId="0" fontId="7" fillId="0" borderId="1" xfId="0" applyFont="1" applyBorder="1" applyAlignment="1">
      <alignment horizontal="center" vertical="center" wrapText="1"/>
    </xf>
    <xf numFmtId="0" fontId="1" fillId="0" borderId="14" xfId="0" applyFont="1" applyBorder="1" applyAlignment="1">
      <alignment horizontal="center" vertical="center" wrapText="1"/>
    </xf>
    <xf numFmtId="0" fontId="1" fillId="0" borderId="15" xfId="0" applyFont="1" applyBorder="1" applyAlignment="1">
      <alignment horizontal="center" vertical="center"/>
    </xf>
    <xf numFmtId="0" fontId="7" fillId="0" borderId="10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7" fillId="0" borderId="11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" xfId="0" applyFont="1" applyBorder="1" applyAlignment="1">
      <alignment vertical="center"/>
    </xf>
    <xf numFmtId="176" fontId="1" fillId="0" borderId="13" xfId="0" applyNumberFormat="1" applyFont="1" applyBorder="1" applyAlignment="1">
      <alignment vertical="center"/>
    </xf>
    <xf numFmtId="0" fontId="1" fillId="0" borderId="1" xfId="0" applyFont="1" applyBorder="1" applyAlignment="1">
      <alignment horizontal="right" vertical="center"/>
    </xf>
    <xf numFmtId="0" fontId="4" fillId="0" borderId="1" xfId="0" applyFont="1" applyBorder="1" applyAlignment="1">
      <alignment horizontal="right" vertical="center"/>
    </xf>
    <xf numFmtId="0" fontId="1" fillId="0" borderId="13" xfId="0" applyFont="1" applyBorder="1" applyAlignment="1">
      <alignment vertical="center"/>
    </xf>
    <xf numFmtId="0" fontId="1" fillId="0" borderId="18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1" fillId="0" borderId="15" xfId="0" applyFont="1" applyBorder="1" applyAlignment="1">
      <alignment horizontal="center" vertical="center"/>
    </xf>
    <xf numFmtId="177" fontId="1" fillId="0" borderId="10" xfId="0" applyNumberFormat="1" applyFont="1" applyBorder="1" applyAlignment="1">
      <alignment horizontal="right" vertical="center"/>
    </xf>
    <xf numFmtId="177" fontId="4" fillId="0" borderId="10" xfId="0" applyNumberFormat="1" applyFont="1" applyBorder="1" applyAlignment="1">
      <alignment horizontal="right" vertical="center"/>
    </xf>
    <xf numFmtId="0" fontId="1" fillId="0" borderId="16" xfId="0" applyFont="1" applyBorder="1" applyAlignment="1">
      <alignment vertical="center"/>
    </xf>
    <xf numFmtId="178" fontId="1" fillId="0" borderId="10" xfId="0" applyNumberFormat="1" applyFont="1" applyBorder="1" applyAlignment="1">
      <alignment horizontal="center" vertical="center"/>
    </xf>
    <xf numFmtId="178" fontId="1" fillId="0" borderId="16" xfId="0" applyNumberFormat="1" applyFont="1" applyBorder="1" applyAlignment="1">
      <alignment horizontal="center" vertical="center"/>
    </xf>
    <xf numFmtId="0" fontId="8" fillId="0" borderId="15" xfId="0" applyFont="1" applyBorder="1" applyAlignment="1">
      <alignment horizontal="center" vertical="center"/>
    </xf>
    <xf numFmtId="178" fontId="1" fillId="0" borderId="11" xfId="0" applyNumberFormat="1" applyFont="1" applyBorder="1" applyAlignment="1">
      <alignment horizontal="center" vertical="center"/>
    </xf>
    <xf numFmtId="177" fontId="11" fillId="0" borderId="11" xfId="0" applyNumberFormat="1" applyFont="1" applyBorder="1" applyAlignment="1">
      <alignment horizontal="right" vertical="center"/>
    </xf>
    <xf numFmtId="178" fontId="1" fillId="0" borderId="19" xfId="0" applyNumberFormat="1" applyFont="1" applyBorder="1" applyAlignment="1">
      <alignment horizontal="center" vertical="center"/>
    </xf>
    <xf numFmtId="0" fontId="1" fillId="0" borderId="12" xfId="0" applyFont="1" applyBorder="1" applyAlignment="1">
      <alignment horizontal="left" vertical="center"/>
    </xf>
    <xf numFmtId="0" fontId="1" fillId="0" borderId="9" xfId="0" applyFont="1" applyBorder="1" applyAlignment="1">
      <alignment horizontal="left" vertical="center"/>
    </xf>
    <xf numFmtId="177" fontId="11" fillId="0" borderId="9" xfId="0" applyNumberFormat="1" applyFont="1" applyBorder="1" applyAlignment="1">
      <alignment horizontal="right" vertical="center"/>
    </xf>
    <xf numFmtId="178" fontId="1" fillId="0" borderId="17" xfId="0" applyNumberFormat="1" applyFont="1" applyBorder="1" applyAlignment="1">
      <alignment horizontal="center" vertical="center"/>
    </xf>
    <xf numFmtId="178" fontId="1" fillId="0" borderId="9" xfId="0" applyNumberFormat="1" applyFont="1" applyBorder="1" applyAlignment="1">
      <alignment horizontal="center" vertical="center"/>
    </xf>
    <xf numFmtId="0" fontId="1" fillId="0" borderId="4" xfId="0" applyFont="1" applyBorder="1" applyAlignment="1">
      <alignment horizontal="left" vertical="center"/>
    </xf>
    <xf numFmtId="178" fontId="1" fillId="0" borderId="20" xfId="0" applyNumberFormat="1" applyFont="1" applyBorder="1" applyAlignment="1">
      <alignment horizontal="center" vertical="center"/>
    </xf>
    <xf numFmtId="178" fontId="1" fillId="0" borderId="18" xfId="0" applyNumberFormat="1" applyFont="1" applyBorder="1" applyAlignment="1">
      <alignment horizontal="center" vertical="center"/>
    </xf>
    <xf numFmtId="178" fontId="1" fillId="0" borderId="21" xfId="0" applyNumberFormat="1" applyFont="1" applyBorder="1" applyAlignment="1">
      <alignment horizontal="center" vertical="center"/>
    </xf>
    <xf numFmtId="179" fontId="1" fillId="0" borderId="0" xfId="0" applyNumberFormat="1" applyFont="1" applyAlignment="1">
      <alignment vertical="center"/>
    </xf>
    <xf numFmtId="180" fontId="1" fillId="0" borderId="0" xfId="0" applyNumberFormat="1" applyFont="1" applyAlignment="1">
      <alignment vertical="center"/>
    </xf>
    <xf numFmtId="0" fontId="0" fillId="0" borderId="3" xfId="0" applyFont="1" applyBorder="1" applyAlignment="1">
      <alignment horizontal="center" vertical="center"/>
    </xf>
    <xf numFmtId="0" fontId="0" fillId="0" borderId="4" xfId="0" applyFont="1" applyBorder="1" applyAlignment="1">
      <alignment horizontal="center" vertical="center"/>
    </xf>
    <xf numFmtId="0" fontId="0" fillId="0" borderId="11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177" fontId="1" fillId="0" borderId="11" xfId="0" applyNumberFormat="1" applyFont="1" applyBorder="1" applyAlignment="1">
      <alignment horizontal="right" vertical="center"/>
    </xf>
    <xf numFmtId="177" fontId="1" fillId="0" borderId="9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1&#65374;13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1&#65374;13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〇第11-1表"/>
      <sheetName val="〇第11-2表"/>
      <sheetName val="第11表元データ"/>
      <sheetName val="〇第12表"/>
      <sheetName val="第12表元データ"/>
      <sheetName val="〇第13表"/>
      <sheetName val="第13表元データ"/>
    </sheetNames>
    <sheetDataSet>
      <sheetData sheetId="0"/>
      <sheetData sheetId="1"/>
      <sheetData sheetId="2">
        <row r="3">
          <cell r="BF3">
            <v>295714008</v>
          </cell>
          <cell r="BG3">
            <v>11360707713</v>
          </cell>
          <cell r="BH3">
            <v>32513405</v>
          </cell>
          <cell r="BI3">
            <v>11393221118</v>
          </cell>
          <cell r="BJ3">
            <v>1820015296</v>
          </cell>
          <cell r="BK3">
            <v>1713290</v>
          </cell>
          <cell r="BL3">
            <v>0</v>
          </cell>
          <cell r="BM3">
            <v>33325278</v>
          </cell>
          <cell r="BN3">
            <v>7230000</v>
          </cell>
          <cell r="BO3">
            <v>0</v>
          </cell>
          <cell r="BP3">
            <v>25603</v>
          </cell>
          <cell r="BQ3">
            <v>13255530585</v>
          </cell>
          <cell r="BR3">
            <v>41531</v>
          </cell>
          <cell r="BS3">
            <v>0</v>
          </cell>
          <cell r="BT3">
            <v>0</v>
          </cell>
          <cell r="BU3">
            <v>0</v>
          </cell>
          <cell r="BV3">
            <v>41531</v>
          </cell>
          <cell r="BW3">
            <v>41345541</v>
          </cell>
          <cell r="BX3">
            <v>13296917657</v>
          </cell>
          <cell r="CI3">
            <v>2958732442</v>
          </cell>
          <cell r="CJ3">
            <v>137000</v>
          </cell>
          <cell r="CK3">
            <v>2958869442</v>
          </cell>
          <cell r="CL3">
            <v>1092299456</v>
          </cell>
          <cell r="CM3">
            <v>46000</v>
          </cell>
          <cell r="CN3">
            <v>1092345456</v>
          </cell>
          <cell r="CO3">
            <v>334096506</v>
          </cell>
          <cell r="CP3">
            <v>4385311404</v>
          </cell>
          <cell r="CQ3">
            <v>0</v>
          </cell>
          <cell r="CU3">
            <v>140566649</v>
          </cell>
          <cell r="CV3">
            <v>104146745</v>
          </cell>
          <cell r="CW3">
            <v>0</v>
          </cell>
          <cell r="CX3">
            <v>50507599</v>
          </cell>
          <cell r="CY3">
            <v>7000000</v>
          </cell>
          <cell r="CZ3">
            <v>1196000</v>
          </cell>
          <cell r="DA3">
            <v>0</v>
          </cell>
          <cell r="DB3">
            <v>6677648</v>
          </cell>
          <cell r="DC3">
            <v>0</v>
          </cell>
          <cell r="DD3">
            <v>18288037710</v>
          </cell>
        </row>
        <row r="4">
          <cell r="BF4">
            <v>137805534</v>
          </cell>
          <cell r="BG4">
            <v>3599524433</v>
          </cell>
          <cell r="BH4">
            <v>8320079</v>
          </cell>
          <cell r="BI4">
            <v>3607844512</v>
          </cell>
          <cell r="BJ4">
            <v>587519543</v>
          </cell>
          <cell r="BK4">
            <v>782643</v>
          </cell>
          <cell r="BL4">
            <v>35920</v>
          </cell>
          <cell r="BM4">
            <v>4370380</v>
          </cell>
          <cell r="BN4">
            <v>2700000</v>
          </cell>
          <cell r="BO4">
            <v>0</v>
          </cell>
          <cell r="BP4">
            <v>40266</v>
          </cell>
          <cell r="BQ4">
            <v>4203293264</v>
          </cell>
          <cell r="BR4">
            <v>0</v>
          </cell>
          <cell r="BS4">
            <v>0</v>
          </cell>
          <cell r="BT4">
            <v>0</v>
          </cell>
          <cell r="BU4">
            <v>0</v>
          </cell>
          <cell r="BV4">
            <v>0</v>
          </cell>
          <cell r="BW4">
            <v>11959040</v>
          </cell>
          <cell r="BX4">
            <v>4215252304</v>
          </cell>
          <cell r="CI4">
            <v>797993218</v>
          </cell>
          <cell r="CJ4">
            <v>41000</v>
          </cell>
          <cell r="CK4">
            <v>798034218</v>
          </cell>
          <cell r="CL4">
            <v>268697697</v>
          </cell>
          <cell r="CM4">
            <v>14000</v>
          </cell>
          <cell r="CN4">
            <v>268711697</v>
          </cell>
          <cell r="CO4">
            <v>74582983</v>
          </cell>
          <cell r="CP4">
            <v>1141328898</v>
          </cell>
          <cell r="CQ4">
            <v>0</v>
          </cell>
          <cell r="CU4">
            <v>41208572</v>
          </cell>
          <cell r="CV4">
            <v>23789778</v>
          </cell>
          <cell r="CW4">
            <v>0</v>
          </cell>
          <cell r="CX4">
            <v>13722876</v>
          </cell>
          <cell r="CY4">
            <v>80336185</v>
          </cell>
          <cell r="CZ4">
            <v>23703011</v>
          </cell>
          <cell r="DA4">
            <v>0</v>
          </cell>
          <cell r="DB4">
            <v>3415789</v>
          </cell>
          <cell r="DC4">
            <v>0</v>
          </cell>
          <cell r="DD4">
            <v>5680562947</v>
          </cell>
        </row>
        <row r="5">
          <cell r="BF5">
            <v>344806042</v>
          </cell>
          <cell r="BG5">
            <v>10777698819</v>
          </cell>
          <cell r="BH5">
            <v>34699146</v>
          </cell>
          <cell r="BI5">
            <v>10812397965</v>
          </cell>
          <cell r="BJ5">
            <v>1741960888</v>
          </cell>
          <cell r="BK5">
            <v>1822763</v>
          </cell>
          <cell r="BL5">
            <v>0</v>
          </cell>
          <cell r="BM5">
            <v>30157003</v>
          </cell>
          <cell r="BN5">
            <v>7560000</v>
          </cell>
          <cell r="BO5">
            <v>0</v>
          </cell>
          <cell r="BP5">
            <v>88387</v>
          </cell>
          <cell r="BQ5">
            <v>12593987006</v>
          </cell>
          <cell r="BR5">
            <v>0</v>
          </cell>
          <cell r="BS5">
            <v>0</v>
          </cell>
          <cell r="BT5">
            <v>0</v>
          </cell>
          <cell r="BU5">
            <v>0</v>
          </cell>
          <cell r="BV5">
            <v>0</v>
          </cell>
          <cell r="BW5">
            <v>37631872</v>
          </cell>
          <cell r="BX5">
            <v>12631618878</v>
          </cell>
          <cell r="CI5">
            <v>2652088934</v>
          </cell>
          <cell r="CJ5">
            <v>159730</v>
          </cell>
          <cell r="CK5">
            <v>2652248664</v>
          </cell>
          <cell r="CL5">
            <v>976393269</v>
          </cell>
          <cell r="CM5">
            <v>27570</v>
          </cell>
          <cell r="CN5">
            <v>976420839</v>
          </cell>
          <cell r="CO5">
            <v>301709217</v>
          </cell>
          <cell r="CP5">
            <v>3930378720</v>
          </cell>
          <cell r="CQ5">
            <v>0</v>
          </cell>
          <cell r="CU5">
            <v>113040039</v>
          </cell>
          <cell r="CV5">
            <v>32394148</v>
          </cell>
          <cell r="CW5">
            <v>0</v>
          </cell>
          <cell r="CX5">
            <v>46941527</v>
          </cell>
          <cell r="CY5">
            <v>4758314</v>
          </cell>
          <cell r="CZ5">
            <v>298516</v>
          </cell>
          <cell r="DA5">
            <v>0</v>
          </cell>
          <cell r="DB5">
            <v>5804454</v>
          </cell>
          <cell r="DC5">
            <v>0</v>
          </cell>
          <cell r="DD5">
            <v>17110040638</v>
          </cell>
        </row>
        <row r="6">
          <cell r="BF6">
            <v>93878257</v>
          </cell>
          <cell r="BG6">
            <v>3043973355</v>
          </cell>
          <cell r="BH6">
            <v>17329314</v>
          </cell>
          <cell r="BI6">
            <v>3061302669</v>
          </cell>
          <cell r="BJ6">
            <v>482055630</v>
          </cell>
          <cell r="BK6">
            <v>410135</v>
          </cell>
          <cell r="BL6">
            <v>0</v>
          </cell>
          <cell r="BM6">
            <v>6269511</v>
          </cell>
          <cell r="BN6">
            <v>2280000</v>
          </cell>
          <cell r="BO6">
            <v>0</v>
          </cell>
          <cell r="BP6">
            <v>25249</v>
          </cell>
          <cell r="BQ6">
            <v>3552343194</v>
          </cell>
          <cell r="BR6">
            <v>0</v>
          </cell>
          <cell r="BS6">
            <v>0</v>
          </cell>
          <cell r="BT6">
            <v>0</v>
          </cell>
          <cell r="BU6">
            <v>0</v>
          </cell>
          <cell r="BV6">
            <v>0</v>
          </cell>
          <cell r="BW6">
            <v>11803394</v>
          </cell>
          <cell r="BX6">
            <v>3564146588</v>
          </cell>
          <cell r="CI6">
            <v>715110041</v>
          </cell>
          <cell r="CJ6">
            <v>0</v>
          </cell>
          <cell r="CK6">
            <v>715110041</v>
          </cell>
          <cell r="CL6">
            <v>272490924</v>
          </cell>
          <cell r="CM6">
            <v>0</v>
          </cell>
          <cell r="CN6">
            <v>272490924</v>
          </cell>
          <cell r="CO6">
            <v>75008426</v>
          </cell>
          <cell r="CP6">
            <v>1062609391</v>
          </cell>
          <cell r="CQ6">
            <v>0</v>
          </cell>
          <cell r="CU6">
            <v>59422443</v>
          </cell>
          <cell r="CV6">
            <v>9425610</v>
          </cell>
          <cell r="CW6">
            <v>0</v>
          </cell>
          <cell r="CX6">
            <v>11741525</v>
          </cell>
          <cell r="CY6">
            <v>17573000</v>
          </cell>
          <cell r="CZ6">
            <v>68657000</v>
          </cell>
          <cell r="DA6">
            <v>0</v>
          </cell>
          <cell r="DB6">
            <v>1217159</v>
          </cell>
          <cell r="DC6">
            <v>0</v>
          </cell>
          <cell r="DD6">
            <v>4888670973</v>
          </cell>
        </row>
        <row r="7">
          <cell r="BF7">
            <v>91101202</v>
          </cell>
          <cell r="BG7">
            <v>2608808688</v>
          </cell>
          <cell r="BH7">
            <v>8313823</v>
          </cell>
          <cell r="BI7">
            <v>2617122511</v>
          </cell>
          <cell r="BJ7">
            <v>420637901</v>
          </cell>
          <cell r="BK7">
            <v>489271</v>
          </cell>
          <cell r="BL7">
            <v>0</v>
          </cell>
          <cell r="BM7">
            <v>2000000</v>
          </cell>
          <cell r="BN7">
            <v>2070000</v>
          </cell>
          <cell r="BO7">
            <v>0</v>
          </cell>
          <cell r="BP7">
            <v>0</v>
          </cell>
          <cell r="BQ7">
            <v>3042319683</v>
          </cell>
          <cell r="BR7">
            <v>0</v>
          </cell>
          <cell r="BS7">
            <v>0</v>
          </cell>
          <cell r="BT7">
            <v>0</v>
          </cell>
          <cell r="BU7">
            <v>0</v>
          </cell>
          <cell r="BV7">
            <v>0</v>
          </cell>
          <cell r="BW7">
            <v>8396767</v>
          </cell>
          <cell r="BX7">
            <v>3050716450</v>
          </cell>
          <cell r="CI7">
            <v>572417855</v>
          </cell>
          <cell r="CJ7">
            <v>0</v>
          </cell>
          <cell r="CK7">
            <v>572417855</v>
          </cell>
          <cell r="CL7">
            <v>197629578</v>
          </cell>
          <cell r="CM7">
            <v>0</v>
          </cell>
          <cell r="CN7">
            <v>197629578</v>
          </cell>
          <cell r="CO7">
            <v>57869772</v>
          </cell>
          <cell r="CP7">
            <v>827917205</v>
          </cell>
          <cell r="CQ7">
            <v>0</v>
          </cell>
          <cell r="CU7">
            <v>32474329</v>
          </cell>
          <cell r="CV7">
            <v>23433712</v>
          </cell>
          <cell r="CW7">
            <v>0</v>
          </cell>
          <cell r="CX7">
            <v>12884589</v>
          </cell>
          <cell r="CY7">
            <v>991000</v>
          </cell>
          <cell r="CZ7">
            <v>63124512</v>
          </cell>
          <cell r="DA7">
            <v>0</v>
          </cell>
          <cell r="DB7">
            <v>3843800</v>
          </cell>
          <cell r="DC7">
            <v>0</v>
          </cell>
          <cell r="DD7">
            <v>4106486799</v>
          </cell>
        </row>
        <row r="8">
          <cell r="BF8">
            <v>89645627</v>
          </cell>
          <cell r="BG8">
            <v>2551135638</v>
          </cell>
          <cell r="BH8">
            <v>6289623</v>
          </cell>
          <cell r="BI8">
            <v>2557425261</v>
          </cell>
          <cell r="BJ8">
            <v>418979691</v>
          </cell>
          <cell r="BK8">
            <v>243107</v>
          </cell>
          <cell r="BL8">
            <v>0</v>
          </cell>
          <cell r="BM8">
            <v>2920000</v>
          </cell>
          <cell r="BN8">
            <v>1230000</v>
          </cell>
          <cell r="BO8">
            <v>0</v>
          </cell>
          <cell r="BP8">
            <v>0</v>
          </cell>
          <cell r="BQ8">
            <v>2980798059</v>
          </cell>
          <cell r="BR8">
            <v>0</v>
          </cell>
          <cell r="BS8">
            <v>0</v>
          </cell>
          <cell r="BT8">
            <v>0</v>
          </cell>
          <cell r="BU8">
            <v>0</v>
          </cell>
          <cell r="BV8">
            <v>0</v>
          </cell>
          <cell r="BW8">
            <v>7685405</v>
          </cell>
          <cell r="BX8">
            <v>2988483464</v>
          </cell>
          <cell r="CI8">
            <v>573367623</v>
          </cell>
          <cell r="CJ8">
            <v>14390</v>
          </cell>
          <cell r="CK8">
            <v>573382013</v>
          </cell>
          <cell r="CL8">
            <v>207658682</v>
          </cell>
          <cell r="CM8">
            <v>1795</v>
          </cell>
          <cell r="CN8">
            <v>207660477</v>
          </cell>
          <cell r="CO8">
            <v>62133497</v>
          </cell>
          <cell r="CP8">
            <v>843175987</v>
          </cell>
          <cell r="CQ8">
            <v>0</v>
          </cell>
          <cell r="CU8">
            <v>33023216</v>
          </cell>
          <cell r="CV8">
            <v>13047058</v>
          </cell>
          <cell r="CW8">
            <v>0</v>
          </cell>
          <cell r="CX8">
            <v>10403007</v>
          </cell>
          <cell r="CY8">
            <v>0</v>
          </cell>
          <cell r="CZ8">
            <v>65058335</v>
          </cell>
          <cell r="DA8">
            <v>0</v>
          </cell>
          <cell r="DB8">
            <v>3560576</v>
          </cell>
          <cell r="DC8">
            <v>0</v>
          </cell>
          <cell r="DD8">
            <v>4046397270</v>
          </cell>
        </row>
        <row r="9">
          <cell r="BF9">
            <v>65269451</v>
          </cell>
          <cell r="BG9">
            <v>1972935955</v>
          </cell>
          <cell r="BH9">
            <v>4315835</v>
          </cell>
          <cell r="BI9">
            <v>1977251790</v>
          </cell>
          <cell r="BJ9">
            <v>349082341</v>
          </cell>
          <cell r="BK9">
            <v>463220</v>
          </cell>
          <cell r="BL9">
            <v>0</v>
          </cell>
          <cell r="BM9">
            <v>2863268</v>
          </cell>
          <cell r="BN9">
            <v>1320000</v>
          </cell>
          <cell r="BO9">
            <v>0</v>
          </cell>
          <cell r="BP9">
            <v>0</v>
          </cell>
          <cell r="BQ9">
            <v>2330980619</v>
          </cell>
          <cell r="BR9">
            <v>0</v>
          </cell>
          <cell r="BS9">
            <v>0</v>
          </cell>
          <cell r="BT9">
            <v>0</v>
          </cell>
          <cell r="BU9">
            <v>0</v>
          </cell>
          <cell r="BV9">
            <v>0</v>
          </cell>
          <cell r="BW9">
            <v>5387761</v>
          </cell>
          <cell r="BX9">
            <v>2336368380</v>
          </cell>
          <cell r="CI9">
            <v>433207623</v>
          </cell>
          <cell r="CJ9">
            <v>0</v>
          </cell>
          <cell r="CK9">
            <v>433207623</v>
          </cell>
          <cell r="CL9">
            <v>132036289</v>
          </cell>
          <cell r="CM9">
            <v>0</v>
          </cell>
          <cell r="CN9">
            <v>132036289</v>
          </cell>
          <cell r="CO9">
            <v>35644373</v>
          </cell>
          <cell r="CP9">
            <v>600888285</v>
          </cell>
          <cell r="CQ9">
            <v>0</v>
          </cell>
          <cell r="CU9">
            <v>21399440</v>
          </cell>
          <cell r="CV9">
            <v>14379534</v>
          </cell>
          <cell r="CW9">
            <v>0</v>
          </cell>
          <cell r="CX9">
            <v>5455492</v>
          </cell>
          <cell r="CY9">
            <v>751000</v>
          </cell>
          <cell r="CZ9">
            <v>4505</v>
          </cell>
          <cell r="DA9">
            <v>0</v>
          </cell>
          <cell r="DB9">
            <v>361745</v>
          </cell>
          <cell r="DC9">
            <v>0</v>
          </cell>
          <cell r="DD9">
            <v>3044877832</v>
          </cell>
        </row>
        <row r="10">
          <cell r="BF10">
            <v>25240863</v>
          </cell>
          <cell r="BG10">
            <v>258872841</v>
          </cell>
          <cell r="BH10">
            <v>681169</v>
          </cell>
          <cell r="BI10">
            <v>259554010</v>
          </cell>
          <cell r="BJ10">
            <v>40797403</v>
          </cell>
          <cell r="BK10">
            <v>76054</v>
          </cell>
          <cell r="BL10">
            <v>0</v>
          </cell>
          <cell r="BM10">
            <v>0</v>
          </cell>
          <cell r="BN10">
            <v>150000</v>
          </cell>
          <cell r="BO10">
            <v>0</v>
          </cell>
          <cell r="BP10">
            <v>0</v>
          </cell>
          <cell r="BQ10">
            <v>300577467</v>
          </cell>
          <cell r="BR10">
            <v>0</v>
          </cell>
          <cell r="BS10">
            <v>0</v>
          </cell>
          <cell r="BT10">
            <v>0</v>
          </cell>
          <cell r="BU10">
            <v>0</v>
          </cell>
          <cell r="BV10">
            <v>0</v>
          </cell>
          <cell r="BW10">
            <v>760283</v>
          </cell>
          <cell r="BX10">
            <v>301337750</v>
          </cell>
          <cell r="CI10">
            <v>61176913</v>
          </cell>
          <cell r="CJ10">
            <v>0</v>
          </cell>
          <cell r="CK10">
            <v>61176913</v>
          </cell>
          <cell r="CL10">
            <v>18188633</v>
          </cell>
          <cell r="CM10">
            <v>0</v>
          </cell>
          <cell r="CN10">
            <v>18188633</v>
          </cell>
          <cell r="CO10">
            <v>4394050</v>
          </cell>
          <cell r="CP10">
            <v>83759596</v>
          </cell>
          <cell r="CQ10">
            <v>0</v>
          </cell>
          <cell r="CU10">
            <v>3121816</v>
          </cell>
          <cell r="CV10">
            <v>1159256</v>
          </cell>
          <cell r="CW10">
            <v>0</v>
          </cell>
          <cell r="CX10">
            <v>3593631</v>
          </cell>
          <cell r="CY10">
            <v>0</v>
          </cell>
          <cell r="CZ10">
            <v>249000</v>
          </cell>
          <cell r="DA10">
            <v>13894</v>
          </cell>
          <cell r="DB10">
            <v>105700</v>
          </cell>
          <cell r="DC10">
            <v>0</v>
          </cell>
          <cell r="DD10">
            <v>418581506</v>
          </cell>
        </row>
        <row r="11">
          <cell r="BF11">
            <v>25971556</v>
          </cell>
          <cell r="BG11">
            <v>641555388</v>
          </cell>
          <cell r="BH11">
            <v>3315779</v>
          </cell>
          <cell r="BI11">
            <v>644871167</v>
          </cell>
          <cell r="BJ11">
            <v>109221205</v>
          </cell>
          <cell r="BK11">
            <v>1841</v>
          </cell>
          <cell r="BL11">
            <v>0</v>
          </cell>
          <cell r="BM11">
            <v>1500000</v>
          </cell>
          <cell r="BN11">
            <v>480000</v>
          </cell>
          <cell r="BO11">
            <v>0</v>
          </cell>
          <cell r="BP11">
            <v>0</v>
          </cell>
          <cell r="BQ11">
            <v>756074213</v>
          </cell>
          <cell r="BR11">
            <v>0</v>
          </cell>
          <cell r="BS11">
            <v>0</v>
          </cell>
          <cell r="BT11">
            <v>0</v>
          </cell>
          <cell r="BU11">
            <v>0</v>
          </cell>
          <cell r="BV11">
            <v>0</v>
          </cell>
          <cell r="BW11">
            <v>2161835</v>
          </cell>
          <cell r="BX11">
            <v>758236048</v>
          </cell>
          <cell r="CI11">
            <v>127591640</v>
          </cell>
          <cell r="CJ11">
            <v>0</v>
          </cell>
          <cell r="CK11">
            <v>127591640</v>
          </cell>
          <cell r="CL11">
            <v>43847092</v>
          </cell>
          <cell r="CM11">
            <v>0</v>
          </cell>
          <cell r="CN11">
            <v>43847092</v>
          </cell>
          <cell r="CO11">
            <v>11180875</v>
          </cell>
          <cell r="CP11">
            <v>182619607</v>
          </cell>
          <cell r="CQ11">
            <v>0</v>
          </cell>
          <cell r="CU11">
            <v>10970462</v>
          </cell>
          <cell r="CV11">
            <v>6085314</v>
          </cell>
          <cell r="CW11">
            <v>0</v>
          </cell>
          <cell r="CX11">
            <v>5189898</v>
          </cell>
          <cell r="CY11">
            <v>0</v>
          </cell>
          <cell r="CZ11">
            <v>2094</v>
          </cell>
          <cell r="DA11">
            <v>0</v>
          </cell>
          <cell r="DB11">
            <v>463980</v>
          </cell>
          <cell r="DC11">
            <v>0</v>
          </cell>
          <cell r="DD11">
            <v>989538959</v>
          </cell>
        </row>
        <row r="12">
          <cell r="BF12">
            <v>13830540</v>
          </cell>
          <cell r="BG12">
            <v>209556315</v>
          </cell>
          <cell r="BH12">
            <v>299044</v>
          </cell>
          <cell r="BI12">
            <v>209855359</v>
          </cell>
          <cell r="BJ12">
            <v>35277388</v>
          </cell>
          <cell r="BK12">
            <v>0</v>
          </cell>
          <cell r="BL12">
            <v>143000</v>
          </cell>
          <cell r="BM12">
            <v>500000</v>
          </cell>
          <cell r="BN12">
            <v>150000</v>
          </cell>
          <cell r="BO12">
            <v>0</v>
          </cell>
          <cell r="BP12">
            <v>0</v>
          </cell>
          <cell r="BQ12">
            <v>245925747</v>
          </cell>
          <cell r="BR12">
            <v>0</v>
          </cell>
          <cell r="BS12">
            <v>0</v>
          </cell>
          <cell r="BT12">
            <v>0</v>
          </cell>
          <cell r="BU12">
            <v>0</v>
          </cell>
          <cell r="BV12">
            <v>0</v>
          </cell>
          <cell r="BW12">
            <v>377845</v>
          </cell>
          <cell r="BX12">
            <v>246303592</v>
          </cell>
          <cell r="CI12">
            <v>46530068</v>
          </cell>
          <cell r="CJ12">
            <v>0</v>
          </cell>
          <cell r="CK12">
            <v>46530068</v>
          </cell>
          <cell r="CL12">
            <v>19675001</v>
          </cell>
          <cell r="CM12">
            <v>0</v>
          </cell>
          <cell r="CN12">
            <v>19675001</v>
          </cell>
          <cell r="CO12">
            <v>5153224</v>
          </cell>
          <cell r="CP12">
            <v>71358293</v>
          </cell>
          <cell r="CQ12">
            <v>0</v>
          </cell>
          <cell r="CU12">
            <v>2240866</v>
          </cell>
          <cell r="CV12">
            <v>288800</v>
          </cell>
          <cell r="CW12">
            <v>0</v>
          </cell>
          <cell r="CX12">
            <v>682366</v>
          </cell>
          <cell r="CY12">
            <v>0</v>
          </cell>
          <cell r="CZ12">
            <v>0</v>
          </cell>
          <cell r="DA12">
            <v>0</v>
          </cell>
          <cell r="DB12">
            <v>32018068</v>
          </cell>
          <cell r="DC12">
            <v>0</v>
          </cell>
          <cell r="DD12">
            <v>366722525</v>
          </cell>
        </row>
        <row r="13">
          <cell r="BF13">
            <v>5440427</v>
          </cell>
          <cell r="BG13">
            <v>273688783</v>
          </cell>
          <cell r="BH13">
            <v>320894</v>
          </cell>
          <cell r="BI13">
            <v>274009677</v>
          </cell>
          <cell r="BJ13">
            <v>41764337</v>
          </cell>
          <cell r="BK13">
            <v>13704</v>
          </cell>
          <cell r="BL13">
            <v>77000</v>
          </cell>
          <cell r="BM13">
            <v>0</v>
          </cell>
          <cell r="BN13">
            <v>120000</v>
          </cell>
          <cell r="BO13">
            <v>0</v>
          </cell>
          <cell r="BP13">
            <v>0</v>
          </cell>
          <cell r="BQ13">
            <v>315984718</v>
          </cell>
          <cell r="BR13">
            <v>0</v>
          </cell>
          <cell r="BS13">
            <v>0</v>
          </cell>
          <cell r="BT13">
            <v>0</v>
          </cell>
          <cell r="BU13">
            <v>0</v>
          </cell>
          <cell r="BV13">
            <v>0</v>
          </cell>
          <cell r="BW13">
            <v>664235</v>
          </cell>
          <cell r="BX13">
            <v>316648953</v>
          </cell>
          <cell r="CI13">
            <v>61453971</v>
          </cell>
          <cell r="CJ13">
            <v>0</v>
          </cell>
          <cell r="CK13">
            <v>61453971</v>
          </cell>
          <cell r="CL13">
            <v>24533564</v>
          </cell>
          <cell r="CM13">
            <v>0</v>
          </cell>
          <cell r="CN13">
            <v>24533564</v>
          </cell>
          <cell r="CO13">
            <v>5284302</v>
          </cell>
          <cell r="CP13">
            <v>91271837</v>
          </cell>
          <cell r="CQ13">
            <v>0</v>
          </cell>
          <cell r="CU13">
            <v>3527042</v>
          </cell>
          <cell r="CV13">
            <v>509875</v>
          </cell>
          <cell r="CW13">
            <v>0</v>
          </cell>
          <cell r="CX13">
            <v>847115</v>
          </cell>
          <cell r="CY13">
            <v>4058000</v>
          </cell>
          <cell r="CZ13">
            <v>7944000</v>
          </cell>
          <cell r="DA13">
            <v>0</v>
          </cell>
          <cell r="DB13">
            <v>1073815</v>
          </cell>
          <cell r="DC13">
            <v>0</v>
          </cell>
          <cell r="DD13">
            <v>431321064</v>
          </cell>
        </row>
        <row r="14">
          <cell r="BF14">
            <v>8229367</v>
          </cell>
          <cell r="BG14">
            <v>53341442</v>
          </cell>
          <cell r="BH14">
            <v>63709</v>
          </cell>
          <cell r="BI14">
            <v>53405151</v>
          </cell>
          <cell r="BJ14">
            <v>5946113</v>
          </cell>
          <cell r="BK14">
            <v>0</v>
          </cell>
          <cell r="BL14">
            <v>54000</v>
          </cell>
          <cell r="BM14">
            <v>1500000</v>
          </cell>
          <cell r="BN14">
            <v>0</v>
          </cell>
          <cell r="BO14">
            <v>0</v>
          </cell>
          <cell r="BP14">
            <v>0</v>
          </cell>
          <cell r="BQ14">
            <v>60905264</v>
          </cell>
          <cell r="BR14">
            <v>0</v>
          </cell>
          <cell r="BS14">
            <v>0</v>
          </cell>
          <cell r="BT14">
            <v>0</v>
          </cell>
          <cell r="BU14">
            <v>0</v>
          </cell>
          <cell r="BV14">
            <v>0</v>
          </cell>
          <cell r="BW14">
            <v>135200</v>
          </cell>
          <cell r="BX14">
            <v>61040464</v>
          </cell>
          <cell r="CI14">
            <v>17352149</v>
          </cell>
          <cell r="CJ14">
            <v>0</v>
          </cell>
          <cell r="CK14">
            <v>17352149</v>
          </cell>
          <cell r="CL14">
            <v>7772857</v>
          </cell>
          <cell r="CM14">
            <v>0</v>
          </cell>
          <cell r="CN14">
            <v>7772857</v>
          </cell>
          <cell r="CO14">
            <v>2166226</v>
          </cell>
          <cell r="CP14">
            <v>27291232</v>
          </cell>
          <cell r="CQ14">
            <v>0</v>
          </cell>
          <cell r="CU14">
            <v>897223</v>
          </cell>
          <cell r="CV14">
            <v>402000</v>
          </cell>
          <cell r="CW14">
            <v>0</v>
          </cell>
          <cell r="CX14">
            <v>279437</v>
          </cell>
          <cell r="CY14">
            <v>26906000</v>
          </cell>
          <cell r="CZ14">
            <v>1698661</v>
          </cell>
          <cell r="DA14">
            <v>0</v>
          </cell>
          <cell r="DB14">
            <v>22500</v>
          </cell>
          <cell r="DC14">
            <v>0</v>
          </cell>
          <cell r="DD14">
            <v>126766884</v>
          </cell>
        </row>
        <row r="15">
          <cell r="BF15">
            <v>99164925</v>
          </cell>
          <cell r="BG15">
            <v>2561521725</v>
          </cell>
          <cell r="BH15">
            <v>6597155</v>
          </cell>
          <cell r="BI15">
            <v>2568118880</v>
          </cell>
          <cell r="BJ15">
            <v>395277635</v>
          </cell>
          <cell r="BK15">
            <v>568118</v>
          </cell>
          <cell r="BL15">
            <v>0</v>
          </cell>
          <cell r="BM15">
            <v>1988000</v>
          </cell>
          <cell r="BN15">
            <v>1890000</v>
          </cell>
          <cell r="BO15">
            <v>0</v>
          </cell>
          <cell r="BP15">
            <v>0</v>
          </cell>
          <cell r="BQ15">
            <v>2967842633</v>
          </cell>
          <cell r="BR15">
            <v>0</v>
          </cell>
          <cell r="BS15">
            <v>0</v>
          </cell>
          <cell r="BT15">
            <v>0</v>
          </cell>
          <cell r="BU15">
            <v>0</v>
          </cell>
          <cell r="BV15">
            <v>0</v>
          </cell>
          <cell r="BW15">
            <v>8082015</v>
          </cell>
          <cell r="BX15">
            <v>2975924648</v>
          </cell>
          <cell r="CI15">
            <v>579087885</v>
          </cell>
          <cell r="CJ15">
            <v>0</v>
          </cell>
          <cell r="CK15">
            <v>579087885</v>
          </cell>
          <cell r="CL15">
            <v>206534415</v>
          </cell>
          <cell r="CM15">
            <v>0</v>
          </cell>
          <cell r="CN15">
            <v>206534415</v>
          </cell>
          <cell r="CO15">
            <v>56637978</v>
          </cell>
          <cell r="CP15">
            <v>842260278</v>
          </cell>
          <cell r="CQ15">
            <v>0</v>
          </cell>
          <cell r="CU15">
            <v>22570055</v>
          </cell>
          <cell r="CV15">
            <v>24621296</v>
          </cell>
          <cell r="CW15">
            <v>0</v>
          </cell>
          <cell r="CX15">
            <v>11226589</v>
          </cell>
          <cell r="CY15">
            <v>59070000</v>
          </cell>
          <cell r="CZ15">
            <v>7709</v>
          </cell>
          <cell r="DA15">
            <v>0</v>
          </cell>
          <cell r="DB15">
            <v>215</v>
          </cell>
          <cell r="DC15">
            <v>0</v>
          </cell>
          <cell r="DD15">
            <v>4034845715</v>
          </cell>
        </row>
        <row r="16">
          <cell r="BF16">
            <v>42625781</v>
          </cell>
          <cell r="BG16">
            <v>983839053</v>
          </cell>
          <cell r="BH16">
            <v>1820346</v>
          </cell>
          <cell r="BI16">
            <v>985659399</v>
          </cell>
          <cell r="BJ16">
            <v>163372932</v>
          </cell>
          <cell r="BK16">
            <v>28569</v>
          </cell>
          <cell r="BL16">
            <v>0</v>
          </cell>
          <cell r="BM16">
            <v>1000000</v>
          </cell>
          <cell r="BN16">
            <v>660000</v>
          </cell>
          <cell r="BO16">
            <v>0</v>
          </cell>
          <cell r="BP16">
            <v>0</v>
          </cell>
          <cell r="BQ16">
            <v>1150720900</v>
          </cell>
          <cell r="BR16">
            <v>0</v>
          </cell>
          <cell r="BS16">
            <v>0</v>
          </cell>
          <cell r="BT16">
            <v>0</v>
          </cell>
          <cell r="BU16">
            <v>0</v>
          </cell>
          <cell r="BV16">
            <v>0</v>
          </cell>
          <cell r="BW16">
            <v>2916710</v>
          </cell>
          <cell r="BX16">
            <v>1153637610</v>
          </cell>
          <cell r="CI16">
            <v>191083695</v>
          </cell>
          <cell r="CJ16">
            <v>0</v>
          </cell>
          <cell r="CK16">
            <v>191083695</v>
          </cell>
          <cell r="CL16">
            <v>73454457</v>
          </cell>
          <cell r="CM16">
            <v>0</v>
          </cell>
          <cell r="CN16">
            <v>73454457</v>
          </cell>
          <cell r="CO16">
            <v>21055136</v>
          </cell>
          <cell r="CP16">
            <v>285593288</v>
          </cell>
          <cell r="CQ16">
            <v>0</v>
          </cell>
          <cell r="CU16">
            <v>15760487</v>
          </cell>
          <cell r="CV16">
            <v>21209542</v>
          </cell>
          <cell r="CW16">
            <v>16276702</v>
          </cell>
          <cell r="CX16">
            <v>4177790</v>
          </cell>
          <cell r="CY16">
            <v>2684000</v>
          </cell>
          <cell r="CZ16">
            <v>3849310</v>
          </cell>
          <cell r="DA16">
            <v>0</v>
          </cell>
          <cell r="DB16">
            <v>743600</v>
          </cell>
          <cell r="DC16">
            <v>0</v>
          </cell>
          <cell r="DD16">
            <v>1546558110</v>
          </cell>
        </row>
        <row r="17">
          <cell r="BF17">
            <v>14871577</v>
          </cell>
          <cell r="BG17">
            <v>395446655</v>
          </cell>
          <cell r="BH17">
            <v>1237578</v>
          </cell>
          <cell r="BI17">
            <v>396684233</v>
          </cell>
          <cell r="BJ17">
            <v>62086862</v>
          </cell>
          <cell r="BK17">
            <v>72695</v>
          </cell>
          <cell r="BL17">
            <v>0</v>
          </cell>
          <cell r="BM17">
            <v>500000</v>
          </cell>
          <cell r="BN17">
            <v>300000</v>
          </cell>
          <cell r="BO17">
            <v>0</v>
          </cell>
          <cell r="BP17">
            <v>14508</v>
          </cell>
          <cell r="BQ17">
            <v>459658298</v>
          </cell>
          <cell r="BR17">
            <v>0</v>
          </cell>
          <cell r="BS17">
            <v>0</v>
          </cell>
          <cell r="BT17">
            <v>0</v>
          </cell>
          <cell r="BU17">
            <v>0</v>
          </cell>
          <cell r="BV17">
            <v>0</v>
          </cell>
          <cell r="BW17">
            <v>1045590</v>
          </cell>
          <cell r="BX17">
            <v>460703888</v>
          </cell>
          <cell r="CI17">
            <v>76826187</v>
          </cell>
          <cell r="CJ17">
            <v>0</v>
          </cell>
          <cell r="CK17">
            <v>76826187</v>
          </cell>
          <cell r="CL17">
            <v>26717400</v>
          </cell>
          <cell r="CM17">
            <v>0</v>
          </cell>
          <cell r="CN17">
            <v>26717400</v>
          </cell>
          <cell r="CO17">
            <v>7026049</v>
          </cell>
          <cell r="CP17">
            <v>110569636</v>
          </cell>
          <cell r="CQ17">
            <v>0</v>
          </cell>
          <cell r="CU17">
            <v>5929805</v>
          </cell>
          <cell r="CV17">
            <v>2323464</v>
          </cell>
          <cell r="CW17">
            <v>0</v>
          </cell>
          <cell r="CX17">
            <v>1594934</v>
          </cell>
          <cell r="CY17">
            <v>40000000</v>
          </cell>
          <cell r="CZ17">
            <v>719074</v>
          </cell>
          <cell r="DA17">
            <v>0</v>
          </cell>
          <cell r="DB17">
            <v>26380</v>
          </cell>
          <cell r="DC17">
            <v>0</v>
          </cell>
          <cell r="DD17">
            <v>636738758</v>
          </cell>
        </row>
        <row r="18">
          <cell r="BF18">
            <v>21387480</v>
          </cell>
          <cell r="BG18">
            <v>457157729</v>
          </cell>
          <cell r="BH18">
            <v>507788</v>
          </cell>
          <cell r="BI18">
            <v>457665517</v>
          </cell>
          <cell r="BJ18">
            <v>79835926</v>
          </cell>
          <cell r="BK18">
            <v>21904</v>
          </cell>
          <cell r="BL18">
            <v>0</v>
          </cell>
          <cell r="BM18">
            <v>500000</v>
          </cell>
          <cell r="BN18">
            <v>510000</v>
          </cell>
          <cell r="BO18">
            <v>0</v>
          </cell>
          <cell r="BP18">
            <v>0</v>
          </cell>
          <cell r="BQ18">
            <v>538533347</v>
          </cell>
          <cell r="BR18">
            <v>0</v>
          </cell>
          <cell r="BS18">
            <v>0</v>
          </cell>
          <cell r="BT18">
            <v>0</v>
          </cell>
          <cell r="BU18">
            <v>0</v>
          </cell>
          <cell r="BV18">
            <v>0</v>
          </cell>
          <cell r="BW18">
            <v>1053845</v>
          </cell>
          <cell r="BX18">
            <v>539587192</v>
          </cell>
          <cell r="CI18">
            <v>72783265</v>
          </cell>
          <cell r="CJ18">
            <v>0</v>
          </cell>
          <cell r="CK18">
            <v>72783265</v>
          </cell>
          <cell r="CL18">
            <v>24638068</v>
          </cell>
          <cell r="CM18">
            <v>0</v>
          </cell>
          <cell r="CN18">
            <v>24638068</v>
          </cell>
          <cell r="CO18">
            <v>5577089</v>
          </cell>
          <cell r="CP18">
            <v>102998422</v>
          </cell>
          <cell r="CQ18">
            <v>0</v>
          </cell>
          <cell r="CU18">
            <v>2723721</v>
          </cell>
          <cell r="CV18">
            <v>1019844</v>
          </cell>
          <cell r="CW18">
            <v>0</v>
          </cell>
          <cell r="CX18">
            <v>2681449</v>
          </cell>
          <cell r="CY18">
            <v>13817000</v>
          </cell>
          <cell r="CZ18">
            <v>2477850</v>
          </cell>
          <cell r="DA18">
            <v>0</v>
          </cell>
          <cell r="DB18">
            <v>1841673</v>
          </cell>
          <cell r="DC18">
            <v>0</v>
          </cell>
          <cell r="DD18">
            <v>688534631</v>
          </cell>
        </row>
        <row r="19">
          <cell r="BF19">
            <v>57926883</v>
          </cell>
          <cell r="BG19">
            <v>764327081</v>
          </cell>
          <cell r="BH19">
            <v>1398150</v>
          </cell>
          <cell r="BI19">
            <v>765725231</v>
          </cell>
          <cell r="BJ19">
            <v>115604378</v>
          </cell>
          <cell r="BK19">
            <v>121044</v>
          </cell>
          <cell r="BL19">
            <v>0</v>
          </cell>
          <cell r="BM19">
            <v>2420000</v>
          </cell>
          <cell r="BN19">
            <v>510000</v>
          </cell>
          <cell r="BO19">
            <v>0</v>
          </cell>
          <cell r="BP19">
            <v>13135</v>
          </cell>
          <cell r="BQ19">
            <v>884393788</v>
          </cell>
          <cell r="BR19">
            <v>0</v>
          </cell>
          <cell r="BS19">
            <v>0</v>
          </cell>
          <cell r="BT19">
            <v>0</v>
          </cell>
          <cell r="BU19">
            <v>0</v>
          </cell>
          <cell r="BV19">
            <v>0</v>
          </cell>
          <cell r="BW19">
            <v>2420535</v>
          </cell>
          <cell r="BX19">
            <v>886814323</v>
          </cell>
          <cell r="CI19">
            <v>173861471</v>
          </cell>
          <cell r="CJ19">
            <v>0</v>
          </cell>
          <cell r="CK19">
            <v>173861471</v>
          </cell>
          <cell r="CL19">
            <v>68499505</v>
          </cell>
          <cell r="CM19">
            <v>0</v>
          </cell>
          <cell r="CN19">
            <v>68499505</v>
          </cell>
          <cell r="CO19">
            <v>17922231</v>
          </cell>
          <cell r="CP19">
            <v>260283207</v>
          </cell>
          <cell r="CQ19">
            <v>0</v>
          </cell>
          <cell r="CU19">
            <v>10306922</v>
          </cell>
          <cell r="CV19">
            <v>364208</v>
          </cell>
          <cell r="CW19">
            <v>0</v>
          </cell>
          <cell r="CX19">
            <v>7407333</v>
          </cell>
          <cell r="CY19">
            <v>4259000</v>
          </cell>
          <cell r="CZ19">
            <v>11736327</v>
          </cell>
          <cell r="DA19">
            <v>0</v>
          </cell>
          <cell r="DB19">
            <v>863950</v>
          </cell>
          <cell r="DC19">
            <v>0</v>
          </cell>
          <cell r="DD19">
            <v>1239962153</v>
          </cell>
        </row>
        <row r="20">
          <cell r="BF20">
            <v>26776851</v>
          </cell>
          <cell r="BG20">
            <v>498374028</v>
          </cell>
          <cell r="BH20">
            <v>1235582</v>
          </cell>
          <cell r="BI20">
            <v>499609610</v>
          </cell>
          <cell r="BJ20">
            <v>87348105</v>
          </cell>
          <cell r="BK20">
            <v>5440</v>
          </cell>
          <cell r="BL20">
            <v>0</v>
          </cell>
          <cell r="BM20">
            <v>0</v>
          </cell>
          <cell r="BN20">
            <v>450000</v>
          </cell>
          <cell r="BO20">
            <v>0</v>
          </cell>
          <cell r="BP20">
            <v>0</v>
          </cell>
          <cell r="BQ20">
            <v>587413155</v>
          </cell>
          <cell r="BR20">
            <v>0</v>
          </cell>
          <cell r="BS20">
            <v>0</v>
          </cell>
          <cell r="BT20">
            <v>0</v>
          </cell>
          <cell r="BU20">
            <v>0</v>
          </cell>
          <cell r="BV20">
            <v>0</v>
          </cell>
          <cell r="BW20">
            <v>1536730</v>
          </cell>
          <cell r="BX20">
            <v>588949885</v>
          </cell>
          <cell r="CI20">
            <v>92955384</v>
          </cell>
          <cell r="CJ20">
            <v>0</v>
          </cell>
          <cell r="CK20">
            <v>92955384</v>
          </cell>
          <cell r="CL20">
            <v>34299822</v>
          </cell>
          <cell r="CM20">
            <v>0</v>
          </cell>
          <cell r="CN20">
            <v>34299822</v>
          </cell>
          <cell r="CO20">
            <v>9268027</v>
          </cell>
          <cell r="CP20">
            <v>136523233</v>
          </cell>
          <cell r="CQ20">
            <v>0</v>
          </cell>
          <cell r="CU20">
            <v>6591822</v>
          </cell>
          <cell r="CV20">
            <v>3444293</v>
          </cell>
          <cell r="CW20">
            <v>0</v>
          </cell>
          <cell r="CX20">
            <v>1333484</v>
          </cell>
          <cell r="CY20">
            <v>0</v>
          </cell>
          <cell r="CZ20">
            <v>10001216</v>
          </cell>
          <cell r="DA20">
            <v>0</v>
          </cell>
          <cell r="DB20">
            <v>775459</v>
          </cell>
          <cell r="DC20">
            <v>0</v>
          </cell>
          <cell r="DD20">
            <v>774396243</v>
          </cell>
        </row>
        <row r="21">
          <cell r="BF21">
            <v>39663444</v>
          </cell>
          <cell r="BG21">
            <v>1114535870</v>
          </cell>
          <cell r="BH21">
            <v>2254570</v>
          </cell>
          <cell r="BI21">
            <v>1116790440</v>
          </cell>
          <cell r="BJ21">
            <v>199315875</v>
          </cell>
          <cell r="BK21">
            <v>53897</v>
          </cell>
          <cell r="BL21">
            <v>0</v>
          </cell>
          <cell r="BM21">
            <v>1500000</v>
          </cell>
          <cell r="BN21">
            <v>780000</v>
          </cell>
          <cell r="BO21">
            <v>0</v>
          </cell>
          <cell r="BP21">
            <v>0</v>
          </cell>
          <cell r="BQ21">
            <v>1318440212</v>
          </cell>
          <cell r="BR21">
            <v>0</v>
          </cell>
          <cell r="BS21">
            <v>0</v>
          </cell>
          <cell r="BT21">
            <v>0</v>
          </cell>
          <cell r="BU21">
            <v>0</v>
          </cell>
          <cell r="BV21">
            <v>0</v>
          </cell>
          <cell r="BW21">
            <v>2798185</v>
          </cell>
          <cell r="BX21">
            <v>1321238397</v>
          </cell>
          <cell r="CI21">
            <v>258782247</v>
          </cell>
          <cell r="CJ21">
            <v>0</v>
          </cell>
          <cell r="CK21">
            <v>258782247</v>
          </cell>
          <cell r="CL21">
            <v>101729387</v>
          </cell>
          <cell r="CM21">
            <v>0</v>
          </cell>
          <cell r="CN21">
            <v>101729387</v>
          </cell>
          <cell r="CO21">
            <v>27399689</v>
          </cell>
          <cell r="CP21">
            <v>387911323</v>
          </cell>
          <cell r="CQ21">
            <v>0</v>
          </cell>
          <cell r="CU21">
            <v>14133315</v>
          </cell>
          <cell r="CV21">
            <v>1467281</v>
          </cell>
          <cell r="CW21">
            <v>0</v>
          </cell>
          <cell r="CX21">
            <v>658728</v>
          </cell>
          <cell r="CY21">
            <v>53804000</v>
          </cell>
          <cell r="CZ21">
            <v>10000</v>
          </cell>
          <cell r="DA21">
            <v>0</v>
          </cell>
          <cell r="DB21">
            <v>2881000</v>
          </cell>
          <cell r="DC21">
            <v>0</v>
          </cell>
          <cell r="DD21">
            <v>1821767488</v>
          </cell>
        </row>
        <row r="22">
          <cell r="BF22">
            <v>47018009</v>
          </cell>
          <cell r="BG22">
            <v>275370689</v>
          </cell>
          <cell r="BH22">
            <v>383014</v>
          </cell>
          <cell r="BI22">
            <v>275753703</v>
          </cell>
          <cell r="BJ22">
            <v>24821976</v>
          </cell>
          <cell r="BK22">
            <v>0</v>
          </cell>
          <cell r="BL22">
            <v>0</v>
          </cell>
          <cell r="BM22">
            <v>7680000</v>
          </cell>
          <cell r="BN22">
            <v>0</v>
          </cell>
          <cell r="BO22">
            <v>0</v>
          </cell>
          <cell r="BP22">
            <v>6118009</v>
          </cell>
          <cell r="BQ22">
            <v>314373688</v>
          </cell>
          <cell r="BW22">
            <v>1524360</v>
          </cell>
          <cell r="BX22">
            <v>315898048</v>
          </cell>
          <cell r="BY22">
            <v>123797908</v>
          </cell>
          <cell r="BZ22">
            <v>7423</v>
          </cell>
          <cell r="CA22">
            <v>123805331</v>
          </cell>
          <cell r="CB22">
            <v>3706751</v>
          </cell>
          <cell r="CC22">
            <v>6124</v>
          </cell>
          <cell r="CD22">
            <v>3712875</v>
          </cell>
          <cell r="CH22">
            <v>69764010</v>
          </cell>
          <cell r="CR22">
            <v>12774000</v>
          </cell>
          <cell r="CU22">
            <v>5613487</v>
          </cell>
          <cell r="CV22">
            <v>3136665</v>
          </cell>
          <cell r="CW22">
            <v>0</v>
          </cell>
          <cell r="CY22">
            <v>0</v>
          </cell>
          <cell r="CZ22">
            <v>0</v>
          </cell>
          <cell r="DA22">
            <v>0</v>
          </cell>
          <cell r="DB22">
            <v>2268276</v>
          </cell>
          <cell r="DC22">
            <v>0</v>
          </cell>
          <cell r="DD22">
            <v>583990701</v>
          </cell>
        </row>
        <row r="23">
          <cell r="BF23">
            <v>1499349815</v>
          </cell>
          <cell r="BG23">
            <v>44127001511</v>
          </cell>
          <cell r="BH23">
            <v>131512989</v>
          </cell>
          <cell r="BI23">
            <v>44258514500</v>
          </cell>
          <cell r="BJ23">
            <v>7156099449</v>
          </cell>
          <cell r="BK23">
            <v>6887695</v>
          </cell>
          <cell r="BL23">
            <v>309920</v>
          </cell>
          <cell r="BM23">
            <v>93313440</v>
          </cell>
          <cell r="BN23">
            <v>30390000</v>
          </cell>
          <cell r="BO23">
            <v>0</v>
          </cell>
          <cell r="BP23">
            <v>207148</v>
          </cell>
          <cell r="BQ23">
            <v>51545722152</v>
          </cell>
          <cell r="BR23">
            <v>41531</v>
          </cell>
          <cell r="BS23">
            <v>0</v>
          </cell>
          <cell r="BT23">
            <v>0</v>
          </cell>
          <cell r="BU23">
            <v>0</v>
          </cell>
          <cell r="BV23">
            <v>41531</v>
          </cell>
          <cell r="BW23">
            <v>148162788</v>
          </cell>
          <cell r="BX23">
            <v>51693926471</v>
          </cell>
          <cell r="CI23">
            <v>10462402611</v>
          </cell>
          <cell r="CJ23">
            <v>352120</v>
          </cell>
          <cell r="CK23">
            <v>10462754731</v>
          </cell>
          <cell r="CL23">
            <v>3797096096</v>
          </cell>
          <cell r="CM23">
            <v>89365</v>
          </cell>
          <cell r="CN23">
            <v>3797185461</v>
          </cell>
          <cell r="CO23">
            <v>1114109650</v>
          </cell>
          <cell r="CP23">
            <v>15374049842</v>
          </cell>
          <cell r="CQ23">
            <v>0</v>
          </cell>
          <cell r="CU23">
            <v>539908224</v>
          </cell>
          <cell r="CV23">
            <v>283511758</v>
          </cell>
          <cell r="CW23">
            <v>16276702</v>
          </cell>
          <cell r="CX23">
            <v>191329369</v>
          </cell>
          <cell r="CY23">
            <v>316007499</v>
          </cell>
          <cell r="CZ23">
            <v>260737120</v>
          </cell>
          <cell r="DA23">
            <v>13894</v>
          </cell>
          <cell r="DB23">
            <v>65697511</v>
          </cell>
          <cell r="DC23">
            <v>0</v>
          </cell>
          <cell r="DD23">
            <v>70240808205</v>
          </cell>
        </row>
        <row r="25">
          <cell r="BF25">
            <v>1546367824</v>
          </cell>
          <cell r="BG25">
            <v>44402372200</v>
          </cell>
          <cell r="BH25">
            <v>131896003</v>
          </cell>
          <cell r="BI25">
            <v>44534268203</v>
          </cell>
          <cell r="BJ25">
            <v>7180921425</v>
          </cell>
          <cell r="BK25">
            <v>6887695</v>
          </cell>
          <cell r="BL25">
            <v>309920</v>
          </cell>
          <cell r="BM25">
            <v>100993440</v>
          </cell>
          <cell r="BN25">
            <v>30390000</v>
          </cell>
          <cell r="BO25">
            <v>0</v>
          </cell>
          <cell r="BP25">
            <v>6325157</v>
          </cell>
          <cell r="BQ25">
            <v>51860095840</v>
          </cell>
          <cell r="BR25">
            <v>41531</v>
          </cell>
          <cell r="BS25">
            <v>0</v>
          </cell>
          <cell r="BT25">
            <v>0</v>
          </cell>
          <cell r="BU25">
            <v>0</v>
          </cell>
          <cell r="BV25">
            <v>41531</v>
          </cell>
          <cell r="BW25">
            <v>149687148</v>
          </cell>
          <cell r="BX25">
            <v>52009824519</v>
          </cell>
          <cell r="BY25">
            <v>123797908</v>
          </cell>
          <cell r="BZ25">
            <v>7423</v>
          </cell>
          <cell r="CA25">
            <v>123805331</v>
          </cell>
          <cell r="CB25">
            <v>3706751</v>
          </cell>
          <cell r="CC25">
            <v>6124</v>
          </cell>
          <cell r="CD25">
            <v>3712875</v>
          </cell>
          <cell r="CH25">
            <v>69764010</v>
          </cell>
          <cell r="CI25">
            <v>10462402611</v>
          </cell>
          <cell r="CJ25">
            <v>352120</v>
          </cell>
          <cell r="CK25">
            <v>10462754731</v>
          </cell>
          <cell r="CL25">
            <v>3797096096</v>
          </cell>
          <cell r="CM25">
            <v>89365</v>
          </cell>
          <cell r="CN25">
            <v>3797185461</v>
          </cell>
          <cell r="CO25">
            <v>1114109650</v>
          </cell>
          <cell r="CP25">
            <v>15374049842</v>
          </cell>
          <cell r="CQ25">
            <v>0</v>
          </cell>
          <cell r="CR25">
            <v>12774000</v>
          </cell>
          <cell r="CU25">
            <v>545521711</v>
          </cell>
          <cell r="CV25">
            <v>286648423</v>
          </cell>
          <cell r="CW25">
            <v>16276702</v>
          </cell>
          <cell r="CX25">
            <v>191329369</v>
          </cell>
          <cell r="CY25">
            <v>316007499</v>
          </cell>
          <cell r="CZ25">
            <v>260737120</v>
          </cell>
          <cell r="DA25">
            <v>13894</v>
          </cell>
          <cell r="DB25">
            <v>67965787</v>
          </cell>
          <cell r="DC25">
            <v>0</v>
          </cell>
          <cell r="DD25">
            <v>70824798906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FAAD967-C63A-4752-B83D-449CFDD9A459}">
  <dimension ref="A1:BF60"/>
  <sheetViews>
    <sheetView showGridLines="0" tabSelected="1" view="pageBreakPreview" zoomScaleNormal="85" zoomScaleSheetLayoutView="100" workbookViewId="0">
      <pane xSplit="2" ySplit="5" topLeftCell="Y6" activePane="bottomRight" state="frozen"/>
      <selection activeCell="W10" sqref="W10:AM29"/>
      <selection pane="topRight" activeCell="W10" sqref="W10:AM29"/>
      <selection pane="bottomLeft" activeCell="W10" sqref="W10:AM29"/>
      <selection pane="bottomRight" activeCell="AB33" sqref="AB33"/>
    </sheetView>
  </sheetViews>
  <sheetFormatPr defaultColWidth="9" defaultRowHeight="15" customHeight="1"/>
  <cols>
    <col min="1" max="1" width="4.453125" style="1" hidden="1" customWidth="1"/>
    <col min="2" max="2" width="9.453125" style="1" hidden="1" customWidth="1"/>
    <col min="3" max="3" width="10.453125" style="1" hidden="1" customWidth="1"/>
    <col min="4" max="4" width="11.26953125" style="1" hidden="1" customWidth="1"/>
    <col min="5" max="5" width="9" style="1" hidden="1" customWidth="1"/>
    <col min="6" max="8" width="11.26953125" style="1" hidden="1" customWidth="1"/>
    <col min="9" max="9" width="0" style="1" hidden="1" customWidth="1"/>
    <col min="10" max="12" width="8.7265625" style="1" hidden="1" customWidth="1"/>
    <col min="13" max="13" width="9" style="1" hidden="1" customWidth="1"/>
    <col min="14" max="17" width="11.26953125" style="1" hidden="1" customWidth="1"/>
    <col min="18" max="18" width="9" style="1" hidden="1" customWidth="1"/>
    <col min="19" max="19" width="11.26953125" style="1" hidden="1" customWidth="1"/>
    <col min="20" max="20" width="9" style="1" hidden="1" customWidth="1"/>
    <col min="21" max="24" width="11.26953125" style="1" hidden="1" customWidth="1"/>
    <col min="25" max="25" width="4.36328125" style="1" customWidth="1"/>
    <col min="26" max="26" width="10.6328125" style="1" customWidth="1"/>
    <col min="27" max="29" width="11.453125" style="1" customWidth="1"/>
    <col min="30" max="30" width="11.453125" style="1" bestFit="1" customWidth="1"/>
    <col min="31" max="31" width="10.90625" style="1" customWidth="1"/>
    <col min="32" max="32" width="11.453125" style="1" bestFit="1" customWidth="1"/>
    <col min="33" max="42" width="11.453125" style="1" customWidth="1"/>
    <col min="43" max="45" width="11.26953125" style="1" customWidth="1"/>
    <col min="46" max="46" width="4.36328125" style="1" hidden="1" customWidth="1"/>
    <col min="47" max="47" width="10.6328125" style="1" hidden="1" customWidth="1"/>
    <col min="48" max="50" width="11.26953125" style="1" hidden="1" customWidth="1"/>
    <col min="51" max="51" width="12.453125" style="1" hidden="1" customWidth="1"/>
    <col min="52" max="56" width="11.26953125" style="1" hidden="1" customWidth="1"/>
    <col min="57" max="57" width="12.453125" style="1" hidden="1" customWidth="1"/>
    <col min="58" max="58" width="4.453125" style="1" bestFit="1" customWidth="1"/>
    <col min="59" max="256" width="9" style="1"/>
    <col min="257" max="257" width="4.453125" style="1" customWidth="1"/>
    <col min="258" max="258" width="9.453125" style="1" customWidth="1"/>
    <col min="259" max="259" width="10.453125" style="1" bestFit="1" customWidth="1"/>
    <col min="260" max="260" width="11.26953125" style="1" customWidth="1"/>
    <col min="261" max="261" width="9" style="1"/>
    <col min="262" max="264" width="11.26953125" style="1" customWidth="1"/>
    <col min="265" max="265" width="9" style="1"/>
    <col min="266" max="268" width="8.7265625" style="1" bestFit="1" customWidth="1"/>
    <col min="269" max="269" width="9" style="1"/>
    <col min="270" max="273" width="11.26953125" style="1" customWidth="1"/>
    <col min="274" max="274" width="9" style="1"/>
    <col min="275" max="275" width="11.26953125" style="1" customWidth="1"/>
    <col min="276" max="276" width="9" style="1"/>
    <col min="277" max="280" width="11.26953125" style="1" customWidth="1"/>
    <col min="281" max="281" width="4.36328125" style="1" customWidth="1"/>
    <col min="282" max="282" width="10.6328125" style="1" customWidth="1"/>
    <col min="283" max="285" width="11.453125" style="1" customWidth="1"/>
    <col min="286" max="286" width="11.453125" style="1" bestFit="1" customWidth="1"/>
    <col min="287" max="287" width="10.90625" style="1" customWidth="1"/>
    <col min="288" max="288" width="11.453125" style="1" bestFit="1" customWidth="1"/>
    <col min="289" max="298" width="11.453125" style="1" customWidth="1"/>
    <col min="299" max="301" width="11.26953125" style="1" customWidth="1"/>
    <col min="302" max="302" width="4.36328125" style="1" customWidth="1"/>
    <col min="303" max="303" width="10.6328125" style="1" customWidth="1"/>
    <col min="304" max="306" width="11.26953125" style="1" customWidth="1"/>
    <col min="307" max="307" width="12.453125" style="1" customWidth="1"/>
    <col min="308" max="312" width="11.26953125" style="1" customWidth="1"/>
    <col min="313" max="313" width="12.453125" style="1" customWidth="1"/>
    <col min="314" max="314" width="4.453125" style="1" bestFit="1" customWidth="1"/>
    <col min="315" max="512" width="9" style="1"/>
    <col min="513" max="513" width="4.453125" style="1" customWidth="1"/>
    <col min="514" max="514" width="9.453125" style="1" customWidth="1"/>
    <col min="515" max="515" width="10.453125" style="1" bestFit="1" customWidth="1"/>
    <col min="516" max="516" width="11.26953125" style="1" customWidth="1"/>
    <col min="517" max="517" width="9" style="1"/>
    <col min="518" max="520" width="11.26953125" style="1" customWidth="1"/>
    <col min="521" max="521" width="9" style="1"/>
    <col min="522" max="524" width="8.7265625" style="1" bestFit="1" customWidth="1"/>
    <col min="525" max="525" width="9" style="1"/>
    <col min="526" max="529" width="11.26953125" style="1" customWidth="1"/>
    <col min="530" max="530" width="9" style="1"/>
    <col min="531" max="531" width="11.26953125" style="1" customWidth="1"/>
    <col min="532" max="532" width="9" style="1"/>
    <col min="533" max="536" width="11.26953125" style="1" customWidth="1"/>
    <col min="537" max="537" width="4.36328125" style="1" customWidth="1"/>
    <col min="538" max="538" width="10.6328125" style="1" customWidth="1"/>
    <col min="539" max="541" width="11.453125" style="1" customWidth="1"/>
    <col min="542" max="542" width="11.453125" style="1" bestFit="1" customWidth="1"/>
    <col min="543" max="543" width="10.90625" style="1" customWidth="1"/>
    <col min="544" max="544" width="11.453125" style="1" bestFit="1" customWidth="1"/>
    <col min="545" max="554" width="11.453125" style="1" customWidth="1"/>
    <col min="555" max="557" width="11.26953125" style="1" customWidth="1"/>
    <col min="558" max="558" width="4.36328125" style="1" customWidth="1"/>
    <col min="559" max="559" width="10.6328125" style="1" customWidth="1"/>
    <col min="560" max="562" width="11.26953125" style="1" customWidth="1"/>
    <col min="563" max="563" width="12.453125" style="1" customWidth="1"/>
    <col min="564" max="568" width="11.26953125" style="1" customWidth="1"/>
    <col min="569" max="569" width="12.453125" style="1" customWidth="1"/>
    <col min="570" max="570" width="4.453125" style="1" bestFit="1" customWidth="1"/>
    <col min="571" max="768" width="9" style="1"/>
    <col min="769" max="769" width="4.453125" style="1" customWidth="1"/>
    <col min="770" max="770" width="9.453125" style="1" customWidth="1"/>
    <col min="771" max="771" width="10.453125" style="1" bestFit="1" customWidth="1"/>
    <col min="772" max="772" width="11.26953125" style="1" customWidth="1"/>
    <col min="773" max="773" width="9" style="1"/>
    <col min="774" max="776" width="11.26953125" style="1" customWidth="1"/>
    <col min="777" max="777" width="9" style="1"/>
    <col min="778" max="780" width="8.7265625" style="1" bestFit="1" customWidth="1"/>
    <col min="781" max="781" width="9" style="1"/>
    <col min="782" max="785" width="11.26953125" style="1" customWidth="1"/>
    <col min="786" max="786" width="9" style="1"/>
    <col min="787" max="787" width="11.26953125" style="1" customWidth="1"/>
    <col min="788" max="788" width="9" style="1"/>
    <col min="789" max="792" width="11.26953125" style="1" customWidth="1"/>
    <col min="793" max="793" width="4.36328125" style="1" customWidth="1"/>
    <col min="794" max="794" width="10.6328125" style="1" customWidth="1"/>
    <col min="795" max="797" width="11.453125" style="1" customWidth="1"/>
    <col min="798" max="798" width="11.453125" style="1" bestFit="1" customWidth="1"/>
    <col min="799" max="799" width="10.90625" style="1" customWidth="1"/>
    <col min="800" max="800" width="11.453125" style="1" bestFit="1" customWidth="1"/>
    <col min="801" max="810" width="11.453125" style="1" customWidth="1"/>
    <col min="811" max="813" width="11.26953125" style="1" customWidth="1"/>
    <col min="814" max="814" width="4.36328125" style="1" customWidth="1"/>
    <col min="815" max="815" width="10.6328125" style="1" customWidth="1"/>
    <col min="816" max="818" width="11.26953125" style="1" customWidth="1"/>
    <col min="819" max="819" width="12.453125" style="1" customWidth="1"/>
    <col min="820" max="824" width="11.26953125" style="1" customWidth="1"/>
    <col min="825" max="825" width="12.453125" style="1" customWidth="1"/>
    <col min="826" max="826" width="4.453125" style="1" bestFit="1" customWidth="1"/>
    <col min="827" max="1024" width="9" style="1"/>
    <col min="1025" max="1025" width="4.453125" style="1" customWidth="1"/>
    <col min="1026" max="1026" width="9.453125" style="1" customWidth="1"/>
    <col min="1027" max="1027" width="10.453125" style="1" bestFit="1" customWidth="1"/>
    <col min="1028" max="1028" width="11.26953125" style="1" customWidth="1"/>
    <col min="1029" max="1029" width="9" style="1"/>
    <col min="1030" max="1032" width="11.26953125" style="1" customWidth="1"/>
    <col min="1033" max="1033" width="9" style="1"/>
    <col min="1034" max="1036" width="8.7265625" style="1" bestFit="1" customWidth="1"/>
    <col min="1037" max="1037" width="9" style="1"/>
    <col min="1038" max="1041" width="11.26953125" style="1" customWidth="1"/>
    <col min="1042" max="1042" width="9" style="1"/>
    <col min="1043" max="1043" width="11.26953125" style="1" customWidth="1"/>
    <col min="1044" max="1044" width="9" style="1"/>
    <col min="1045" max="1048" width="11.26953125" style="1" customWidth="1"/>
    <col min="1049" max="1049" width="4.36328125" style="1" customWidth="1"/>
    <col min="1050" max="1050" width="10.6328125" style="1" customWidth="1"/>
    <col min="1051" max="1053" width="11.453125" style="1" customWidth="1"/>
    <col min="1054" max="1054" width="11.453125" style="1" bestFit="1" customWidth="1"/>
    <col min="1055" max="1055" width="10.90625" style="1" customWidth="1"/>
    <col min="1056" max="1056" width="11.453125" style="1" bestFit="1" customWidth="1"/>
    <col min="1057" max="1066" width="11.453125" style="1" customWidth="1"/>
    <col min="1067" max="1069" width="11.26953125" style="1" customWidth="1"/>
    <col min="1070" max="1070" width="4.36328125" style="1" customWidth="1"/>
    <col min="1071" max="1071" width="10.6328125" style="1" customWidth="1"/>
    <col min="1072" max="1074" width="11.26953125" style="1" customWidth="1"/>
    <col min="1075" max="1075" width="12.453125" style="1" customWidth="1"/>
    <col min="1076" max="1080" width="11.26953125" style="1" customWidth="1"/>
    <col min="1081" max="1081" width="12.453125" style="1" customWidth="1"/>
    <col min="1082" max="1082" width="4.453125" style="1" bestFit="1" customWidth="1"/>
    <col min="1083" max="1280" width="9" style="1"/>
    <col min="1281" max="1281" width="4.453125" style="1" customWidth="1"/>
    <col min="1282" max="1282" width="9.453125" style="1" customWidth="1"/>
    <col min="1283" max="1283" width="10.453125" style="1" bestFit="1" customWidth="1"/>
    <col min="1284" max="1284" width="11.26953125" style="1" customWidth="1"/>
    <col min="1285" max="1285" width="9" style="1"/>
    <col min="1286" max="1288" width="11.26953125" style="1" customWidth="1"/>
    <col min="1289" max="1289" width="9" style="1"/>
    <col min="1290" max="1292" width="8.7265625" style="1" bestFit="1" customWidth="1"/>
    <col min="1293" max="1293" width="9" style="1"/>
    <col min="1294" max="1297" width="11.26953125" style="1" customWidth="1"/>
    <col min="1298" max="1298" width="9" style="1"/>
    <col min="1299" max="1299" width="11.26953125" style="1" customWidth="1"/>
    <col min="1300" max="1300" width="9" style="1"/>
    <col min="1301" max="1304" width="11.26953125" style="1" customWidth="1"/>
    <col min="1305" max="1305" width="4.36328125" style="1" customWidth="1"/>
    <col min="1306" max="1306" width="10.6328125" style="1" customWidth="1"/>
    <col min="1307" max="1309" width="11.453125" style="1" customWidth="1"/>
    <col min="1310" max="1310" width="11.453125" style="1" bestFit="1" customWidth="1"/>
    <col min="1311" max="1311" width="10.90625" style="1" customWidth="1"/>
    <col min="1312" max="1312" width="11.453125" style="1" bestFit="1" customWidth="1"/>
    <col min="1313" max="1322" width="11.453125" style="1" customWidth="1"/>
    <col min="1323" max="1325" width="11.26953125" style="1" customWidth="1"/>
    <col min="1326" max="1326" width="4.36328125" style="1" customWidth="1"/>
    <col min="1327" max="1327" width="10.6328125" style="1" customWidth="1"/>
    <col min="1328" max="1330" width="11.26953125" style="1" customWidth="1"/>
    <col min="1331" max="1331" width="12.453125" style="1" customWidth="1"/>
    <col min="1332" max="1336" width="11.26953125" style="1" customWidth="1"/>
    <col min="1337" max="1337" width="12.453125" style="1" customWidth="1"/>
    <col min="1338" max="1338" width="4.453125" style="1" bestFit="1" customWidth="1"/>
    <col min="1339" max="1536" width="9" style="1"/>
    <col min="1537" max="1537" width="4.453125" style="1" customWidth="1"/>
    <col min="1538" max="1538" width="9.453125" style="1" customWidth="1"/>
    <col min="1539" max="1539" width="10.453125" style="1" bestFit="1" customWidth="1"/>
    <col min="1540" max="1540" width="11.26953125" style="1" customWidth="1"/>
    <col min="1541" max="1541" width="9" style="1"/>
    <col min="1542" max="1544" width="11.26953125" style="1" customWidth="1"/>
    <col min="1545" max="1545" width="9" style="1"/>
    <col min="1546" max="1548" width="8.7265625" style="1" bestFit="1" customWidth="1"/>
    <col min="1549" max="1549" width="9" style="1"/>
    <col min="1550" max="1553" width="11.26953125" style="1" customWidth="1"/>
    <col min="1554" max="1554" width="9" style="1"/>
    <col min="1555" max="1555" width="11.26953125" style="1" customWidth="1"/>
    <col min="1556" max="1556" width="9" style="1"/>
    <col min="1557" max="1560" width="11.26953125" style="1" customWidth="1"/>
    <col min="1561" max="1561" width="4.36328125" style="1" customWidth="1"/>
    <col min="1562" max="1562" width="10.6328125" style="1" customWidth="1"/>
    <col min="1563" max="1565" width="11.453125" style="1" customWidth="1"/>
    <col min="1566" max="1566" width="11.453125" style="1" bestFit="1" customWidth="1"/>
    <col min="1567" max="1567" width="10.90625" style="1" customWidth="1"/>
    <col min="1568" max="1568" width="11.453125" style="1" bestFit="1" customWidth="1"/>
    <col min="1569" max="1578" width="11.453125" style="1" customWidth="1"/>
    <col min="1579" max="1581" width="11.26953125" style="1" customWidth="1"/>
    <col min="1582" max="1582" width="4.36328125" style="1" customWidth="1"/>
    <col min="1583" max="1583" width="10.6328125" style="1" customWidth="1"/>
    <col min="1584" max="1586" width="11.26953125" style="1" customWidth="1"/>
    <col min="1587" max="1587" width="12.453125" style="1" customWidth="1"/>
    <col min="1588" max="1592" width="11.26953125" style="1" customWidth="1"/>
    <col min="1593" max="1593" width="12.453125" style="1" customWidth="1"/>
    <col min="1594" max="1594" width="4.453125" style="1" bestFit="1" customWidth="1"/>
    <col min="1595" max="1792" width="9" style="1"/>
    <col min="1793" max="1793" width="4.453125" style="1" customWidth="1"/>
    <col min="1794" max="1794" width="9.453125" style="1" customWidth="1"/>
    <col min="1795" max="1795" width="10.453125" style="1" bestFit="1" customWidth="1"/>
    <col min="1796" max="1796" width="11.26953125" style="1" customWidth="1"/>
    <col min="1797" max="1797" width="9" style="1"/>
    <col min="1798" max="1800" width="11.26953125" style="1" customWidth="1"/>
    <col min="1801" max="1801" width="9" style="1"/>
    <col min="1802" max="1804" width="8.7265625" style="1" bestFit="1" customWidth="1"/>
    <col min="1805" max="1805" width="9" style="1"/>
    <col min="1806" max="1809" width="11.26953125" style="1" customWidth="1"/>
    <col min="1810" max="1810" width="9" style="1"/>
    <col min="1811" max="1811" width="11.26953125" style="1" customWidth="1"/>
    <col min="1812" max="1812" width="9" style="1"/>
    <col min="1813" max="1816" width="11.26953125" style="1" customWidth="1"/>
    <col min="1817" max="1817" width="4.36328125" style="1" customWidth="1"/>
    <col min="1818" max="1818" width="10.6328125" style="1" customWidth="1"/>
    <col min="1819" max="1821" width="11.453125" style="1" customWidth="1"/>
    <col min="1822" max="1822" width="11.453125" style="1" bestFit="1" customWidth="1"/>
    <col min="1823" max="1823" width="10.90625" style="1" customWidth="1"/>
    <col min="1824" max="1824" width="11.453125" style="1" bestFit="1" customWidth="1"/>
    <col min="1825" max="1834" width="11.453125" style="1" customWidth="1"/>
    <col min="1835" max="1837" width="11.26953125" style="1" customWidth="1"/>
    <col min="1838" max="1838" width="4.36328125" style="1" customWidth="1"/>
    <col min="1839" max="1839" width="10.6328125" style="1" customWidth="1"/>
    <col min="1840" max="1842" width="11.26953125" style="1" customWidth="1"/>
    <col min="1843" max="1843" width="12.453125" style="1" customWidth="1"/>
    <col min="1844" max="1848" width="11.26953125" style="1" customWidth="1"/>
    <col min="1849" max="1849" width="12.453125" style="1" customWidth="1"/>
    <col min="1850" max="1850" width="4.453125" style="1" bestFit="1" customWidth="1"/>
    <col min="1851" max="2048" width="9" style="1"/>
    <col min="2049" max="2049" width="4.453125" style="1" customWidth="1"/>
    <col min="2050" max="2050" width="9.453125" style="1" customWidth="1"/>
    <col min="2051" max="2051" width="10.453125" style="1" bestFit="1" customWidth="1"/>
    <col min="2052" max="2052" width="11.26953125" style="1" customWidth="1"/>
    <col min="2053" max="2053" width="9" style="1"/>
    <col min="2054" max="2056" width="11.26953125" style="1" customWidth="1"/>
    <col min="2057" max="2057" width="9" style="1"/>
    <col min="2058" max="2060" width="8.7265625" style="1" bestFit="1" customWidth="1"/>
    <col min="2061" max="2061" width="9" style="1"/>
    <col min="2062" max="2065" width="11.26953125" style="1" customWidth="1"/>
    <col min="2066" max="2066" width="9" style="1"/>
    <col min="2067" max="2067" width="11.26953125" style="1" customWidth="1"/>
    <col min="2068" max="2068" width="9" style="1"/>
    <col min="2069" max="2072" width="11.26953125" style="1" customWidth="1"/>
    <col min="2073" max="2073" width="4.36328125" style="1" customWidth="1"/>
    <col min="2074" max="2074" width="10.6328125" style="1" customWidth="1"/>
    <col min="2075" max="2077" width="11.453125" style="1" customWidth="1"/>
    <col min="2078" max="2078" width="11.453125" style="1" bestFit="1" customWidth="1"/>
    <col min="2079" max="2079" width="10.90625" style="1" customWidth="1"/>
    <col min="2080" max="2080" width="11.453125" style="1" bestFit="1" customWidth="1"/>
    <col min="2081" max="2090" width="11.453125" style="1" customWidth="1"/>
    <col min="2091" max="2093" width="11.26953125" style="1" customWidth="1"/>
    <col min="2094" max="2094" width="4.36328125" style="1" customWidth="1"/>
    <col min="2095" max="2095" width="10.6328125" style="1" customWidth="1"/>
    <col min="2096" max="2098" width="11.26953125" style="1" customWidth="1"/>
    <col min="2099" max="2099" width="12.453125" style="1" customWidth="1"/>
    <col min="2100" max="2104" width="11.26953125" style="1" customWidth="1"/>
    <col min="2105" max="2105" width="12.453125" style="1" customWidth="1"/>
    <col min="2106" max="2106" width="4.453125" style="1" bestFit="1" customWidth="1"/>
    <col min="2107" max="2304" width="9" style="1"/>
    <col min="2305" max="2305" width="4.453125" style="1" customWidth="1"/>
    <col min="2306" max="2306" width="9.453125" style="1" customWidth="1"/>
    <col min="2307" max="2307" width="10.453125" style="1" bestFit="1" customWidth="1"/>
    <col min="2308" max="2308" width="11.26953125" style="1" customWidth="1"/>
    <col min="2309" max="2309" width="9" style="1"/>
    <col min="2310" max="2312" width="11.26953125" style="1" customWidth="1"/>
    <col min="2313" max="2313" width="9" style="1"/>
    <col min="2314" max="2316" width="8.7265625" style="1" bestFit="1" customWidth="1"/>
    <col min="2317" max="2317" width="9" style="1"/>
    <col min="2318" max="2321" width="11.26953125" style="1" customWidth="1"/>
    <col min="2322" max="2322" width="9" style="1"/>
    <col min="2323" max="2323" width="11.26953125" style="1" customWidth="1"/>
    <col min="2324" max="2324" width="9" style="1"/>
    <col min="2325" max="2328" width="11.26953125" style="1" customWidth="1"/>
    <col min="2329" max="2329" width="4.36328125" style="1" customWidth="1"/>
    <col min="2330" max="2330" width="10.6328125" style="1" customWidth="1"/>
    <col min="2331" max="2333" width="11.453125" style="1" customWidth="1"/>
    <col min="2334" max="2334" width="11.453125" style="1" bestFit="1" customWidth="1"/>
    <col min="2335" max="2335" width="10.90625" style="1" customWidth="1"/>
    <col min="2336" max="2336" width="11.453125" style="1" bestFit="1" customWidth="1"/>
    <col min="2337" max="2346" width="11.453125" style="1" customWidth="1"/>
    <col min="2347" max="2349" width="11.26953125" style="1" customWidth="1"/>
    <col min="2350" max="2350" width="4.36328125" style="1" customWidth="1"/>
    <col min="2351" max="2351" width="10.6328125" style="1" customWidth="1"/>
    <col min="2352" max="2354" width="11.26953125" style="1" customWidth="1"/>
    <col min="2355" max="2355" width="12.453125" style="1" customWidth="1"/>
    <col min="2356" max="2360" width="11.26953125" style="1" customWidth="1"/>
    <col min="2361" max="2361" width="12.453125" style="1" customWidth="1"/>
    <col min="2362" max="2362" width="4.453125" style="1" bestFit="1" customWidth="1"/>
    <col min="2363" max="2560" width="9" style="1"/>
    <col min="2561" max="2561" width="4.453125" style="1" customWidth="1"/>
    <col min="2562" max="2562" width="9.453125" style="1" customWidth="1"/>
    <col min="2563" max="2563" width="10.453125" style="1" bestFit="1" customWidth="1"/>
    <col min="2564" max="2564" width="11.26953125" style="1" customWidth="1"/>
    <col min="2565" max="2565" width="9" style="1"/>
    <col min="2566" max="2568" width="11.26953125" style="1" customWidth="1"/>
    <col min="2569" max="2569" width="9" style="1"/>
    <col min="2570" max="2572" width="8.7265625" style="1" bestFit="1" customWidth="1"/>
    <col min="2573" max="2573" width="9" style="1"/>
    <col min="2574" max="2577" width="11.26953125" style="1" customWidth="1"/>
    <col min="2578" max="2578" width="9" style="1"/>
    <col min="2579" max="2579" width="11.26953125" style="1" customWidth="1"/>
    <col min="2580" max="2580" width="9" style="1"/>
    <col min="2581" max="2584" width="11.26953125" style="1" customWidth="1"/>
    <col min="2585" max="2585" width="4.36328125" style="1" customWidth="1"/>
    <col min="2586" max="2586" width="10.6328125" style="1" customWidth="1"/>
    <col min="2587" max="2589" width="11.453125" style="1" customWidth="1"/>
    <col min="2590" max="2590" width="11.453125" style="1" bestFit="1" customWidth="1"/>
    <col min="2591" max="2591" width="10.90625" style="1" customWidth="1"/>
    <col min="2592" max="2592" width="11.453125" style="1" bestFit="1" customWidth="1"/>
    <col min="2593" max="2602" width="11.453125" style="1" customWidth="1"/>
    <col min="2603" max="2605" width="11.26953125" style="1" customWidth="1"/>
    <col min="2606" max="2606" width="4.36328125" style="1" customWidth="1"/>
    <col min="2607" max="2607" width="10.6328125" style="1" customWidth="1"/>
    <col min="2608" max="2610" width="11.26953125" style="1" customWidth="1"/>
    <col min="2611" max="2611" width="12.453125" style="1" customWidth="1"/>
    <col min="2612" max="2616" width="11.26953125" style="1" customWidth="1"/>
    <col min="2617" max="2617" width="12.453125" style="1" customWidth="1"/>
    <col min="2618" max="2618" width="4.453125" style="1" bestFit="1" customWidth="1"/>
    <col min="2619" max="2816" width="9" style="1"/>
    <col min="2817" max="2817" width="4.453125" style="1" customWidth="1"/>
    <col min="2818" max="2818" width="9.453125" style="1" customWidth="1"/>
    <col min="2819" max="2819" width="10.453125" style="1" bestFit="1" customWidth="1"/>
    <col min="2820" max="2820" width="11.26953125" style="1" customWidth="1"/>
    <col min="2821" max="2821" width="9" style="1"/>
    <col min="2822" max="2824" width="11.26953125" style="1" customWidth="1"/>
    <col min="2825" max="2825" width="9" style="1"/>
    <col min="2826" max="2828" width="8.7265625" style="1" bestFit="1" customWidth="1"/>
    <col min="2829" max="2829" width="9" style="1"/>
    <col min="2830" max="2833" width="11.26953125" style="1" customWidth="1"/>
    <col min="2834" max="2834" width="9" style="1"/>
    <col min="2835" max="2835" width="11.26953125" style="1" customWidth="1"/>
    <col min="2836" max="2836" width="9" style="1"/>
    <col min="2837" max="2840" width="11.26953125" style="1" customWidth="1"/>
    <col min="2841" max="2841" width="4.36328125" style="1" customWidth="1"/>
    <col min="2842" max="2842" width="10.6328125" style="1" customWidth="1"/>
    <col min="2843" max="2845" width="11.453125" style="1" customWidth="1"/>
    <col min="2846" max="2846" width="11.453125" style="1" bestFit="1" customWidth="1"/>
    <col min="2847" max="2847" width="10.90625" style="1" customWidth="1"/>
    <col min="2848" max="2848" width="11.453125" style="1" bestFit="1" customWidth="1"/>
    <col min="2849" max="2858" width="11.453125" style="1" customWidth="1"/>
    <col min="2859" max="2861" width="11.26953125" style="1" customWidth="1"/>
    <col min="2862" max="2862" width="4.36328125" style="1" customWidth="1"/>
    <col min="2863" max="2863" width="10.6328125" style="1" customWidth="1"/>
    <col min="2864" max="2866" width="11.26953125" style="1" customWidth="1"/>
    <col min="2867" max="2867" width="12.453125" style="1" customWidth="1"/>
    <col min="2868" max="2872" width="11.26953125" style="1" customWidth="1"/>
    <col min="2873" max="2873" width="12.453125" style="1" customWidth="1"/>
    <col min="2874" max="2874" width="4.453125" style="1" bestFit="1" customWidth="1"/>
    <col min="2875" max="3072" width="9" style="1"/>
    <col min="3073" max="3073" width="4.453125" style="1" customWidth="1"/>
    <col min="3074" max="3074" width="9.453125" style="1" customWidth="1"/>
    <col min="3075" max="3075" width="10.453125" style="1" bestFit="1" customWidth="1"/>
    <col min="3076" max="3076" width="11.26953125" style="1" customWidth="1"/>
    <col min="3077" max="3077" width="9" style="1"/>
    <col min="3078" max="3080" width="11.26953125" style="1" customWidth="1"/>
    <col min="3081" max="3081" width="9" style="1"/>
    <col min="3082" max="3084" width="8.7265625" style="1" bestFit="1" customWidth="1"/>
    <col min="3085" max="3085" width="9" style="1"/>
    <col min="3086" max="3089" width="11.26953125" style="1" customWidth="1"/>
    <col min="3090" max="3090" width="9" style="1"/>
    <col min="3091" max="3091" width="11.26953125" style="1" customWidth="1"/>
    <col min="3092" max="3092" width="9" style="1"/>
    <col min="3093" max="3096" width="11.26953125" style="1" customWidth="1"/>
    <col min="3097" max="3097" width="4.36328125" style="1" customWidth="1"/>
    <col min="3098" max="3098" width="10.6328125" style="1" customWidth="1"/>
    <col min="3099" max="3101" width="11.453125" style="1" customWidth="1"/>
    <col min="3102" max="3102" width="11.453125" style="1" bestFit="1" customWidth="1"/>
    <col min="3103" max="3103" width="10.90625" style="1" customWidth="1"/>
    <col min="3104" max="3104" width="11.453125" style="1" bestFit="1" customWidth="1"/>
    <col min="3105" max="3114" width="11.453125" style="1" customWidth="1"/>
    <col min="3115" max="3117" width="11.26953125" style="1" customWidth="1"/>
    <col min="3118" max="3118" width="4.36328125" style="1" customWidth="1"/>
    <col min="3119" max="3119" width="10.6328125" style="1" customWidth="1"/>
    <col min="3120" max="3122" width="11.26953125" style="1" customWidth="1"/>
    <col min="3123" max="3123" width="12.453125" style="1" customWidth="1"/>
    <col min="3124" max="3128" width="11.26953125" style="1" customWidth="1"/>
    <col min="3129" max="3129" width="12.453125" style="1" customWidth="1"/>
    <col min="3130" max="3130" width="4.453125" style="1" bestFit="1" customWidth="1"/>
    <col min="3131" max="3328" width="9" style="1"/>
    <col min="3329" max="3329" width="4.453125" style="1" customWidth="1"/>
    <col min="3330" max="3330" width="9.453125" style="1" customWidth="1"/>
    <col min="3331" max="3331" width="10.453125" style="1" bestFit="1" customWidth="1"/>
    <col min="3332" max="3332" width="11.26953125" style="1" customWidth="1"/>
    <col min="3333" max="3333" width="9" style="1"/>
    <col min="3334" max="3336" width="11.26953125" style="1" customWidth="1"/>
    <col min="3337" max="3337" width="9" style="1"/>
    <col min="3338" max="3340" width="8.7265625" style="1" bestFit="1" customWidth="1"/>
    <col min="3341" max="3341" width="9" style="1"/>
    <col min="3342" max="3345" width="11.26953125" style="1" customWidth="1"/>
    <col min="3346" max="3346" width="9" style="1"/>
    <col min="3347" max="3347" width="11.26953125" style="1" customWidth="1"/>
    <col min="3348" max="3348" width="9" style="1"/>
    <col min="3349" max="3352" width="11.26953125" style="1" customWidth="1"/>
    <col min="3353" max="3353" width="4.36328125" style="1" customWidth="1"/>
    <col min="3354" max="3354" width="10.6328125" style="1" customWidth="1"/>
    <col min="3355" max="3357" width="11.453125" style="1" customWidth="1"/>
    <col min="3358" max="3358" width="11.453125" style="1" bestFit="1" customWidth="1"/>
    <col min="3359" max="3359" width="10.90625" style="1" customWidth="1"/>
    <col min="3360" max="3360" width="11.453125" style="1" bestFit="1" customWidth="1"/>
    <col min="3361" max="3370" width="11.453125" style="1" customWidth="1"/>
    <col min="3371" max="3373" width="11.26953125" style="1" customWidth="1"/>
    <col min="3374" max="3374" width="4.36328125" style="1" customWidth="1"/>
    <col min="3375" max="3375" width="10.6328125" style="1" customWidth="1"/>
    <col min="3376" max="3378" width="11.26953125" style="1" customWidth="1"/>
    <col min="3379" max="3379" width="12.453125" style="1" customWidth="1"/>
    <col min="3380" max="3384" width="11.26953125" style="1" customWidth="1"/>
    <col min="3385" max="3385" width="12.453125" style="1" customWidth="1"/>
    <col min="3386" max="3386" width="4.453125" style="1" bestFit="1" customWidth="1"/>
    <col min="3387" max="3584" width="9" style="1"/>
    <col min="3585" max="3585" width="4.453125" style="1" customWidth="1"/>
    <col min="3586" max="3586" width="9.453125" style="1" customWidth="1"/>
    <col min="3587" max="3587" width="10.453125" style="1" bestFit="1" customWidth="1"/>
    <col min="3588" max="3588" width="11.26953125" style="1" customWidth="1"/>
    <col min="3589" max="3589" width="9" style="1"/>
    <col min="3590" max="3592" width="11.26953125" style="1" customWidth="1"/>
    <col min="3593" max="3593" width="9" style="1"/>
    <col min="3594" max="3596" width="8.7265625" style="1" bestFit="1" customWidth="1"/>
    <col min="3597" max="3597" width="9" style="1"/>
    <col min="3598" max="3601" width="11.26953125" style="1" customWidth="1"/>
    <col min="3602" max="3602" width="9" style="1"/>
    <col min="3603" max="3603" width="11.26953125" style="1" customWidth="1"/>
    <col min="3604" max="3604" width="9" style="1"/>
    <col min="3605" max="3608" width="11.26953125" style="1" customWidth="1"/>
    <col min="3609" max="3609" width="4.36328125" style="1" customWidth="1"/>
    <col min="3610" max="3610" width="10.6328125" style="1" customWidth="1"/>
    <col min="3611" max="3613" width="11.453125" style="1" customWidth="1"/>
    <col min="3614" max="3614" width="11.453125" style="1" bestFit="1" customWidth="1"/>
    <col min="3615" max="3615" width="10.90625" style="1" customWidth="1"/>
    <col min="3616" max="3616" width="11.453125" style="1" bestFit="1" customWidth="1"/>
    <col min="3617" max="3626" width="11.453125" style="1" customWidth="1"/>
    <col min="3627" max="3629" width="11.26953125" style="1" customWidth="1"/>
    <col min="3630" max="3630" width="4.36328125" style="1" customWidth="1"/>
    <col min="3631" max="3631" width="10.6328125" style="1" customWidth="1"/>
    <col min="3632" max="3634" width="11.26953125" style="1" customWidth="1"/>
    <col min="3635" max="3635" width="12.453125" style="1" customWidth="1"/>
    <col min="3636" max="3640" width="11.26953125" style="1" customWidth="1"/>
    <col min="3641" max="3641" width="12.453125" style="1" customWidth="1"/>
    <col min="3642" max="3642" width="4.453125" style="1" bestFit="1" customWidth="1"/>
    <col min="3643" max="3840" width="9" style="1"/>
    <col min="3841" max="3841" width="4.453125" style="1" customWidth="1"/>
    <col min="3842" max="3842" width="9.453125" style="1" customWidth="1"/>
    <col min="3843" max="3843" width="10.453125" style="1" bestFit="1" customWidth="1"/>
    <col min="3844" max="3844" width="11.26953125" style="1" customWidth="1"/>
    <col min="3845" max="3845" width="9" style="1"/>
    <col min="3846" max="3848" width="11.26953125" style="1" customWidth="1"/>
    <col min="3849" max="3849" width="9" style="1"/>
    <col min="3850" max="3852" width="8.7265625" style="1" bestFit="1" customWidth="1"/>
    <col min="3853" max="3853" width="9" style="1"/>
    <col min="3854" max="3857" width="11.26953125" style="1" customWidth="1"/>
    <col min="3858" max="3858" width="9" style="1"/>
    <col min="3859" max="3859" width="11.26953125" style="1" customWidth="1"/>
    <col min="3860" max="3860" width="9" style="1"/>
    <col min="3861" max="3864" width="11.26953125" style="1" customWidth="1"/>
    <col min="3865" max="3865" width="4.36328125" style="1" customWidth="1"/>
    <col min="3866" max="3866" width="10.6328125" style="1" customWidth="1"/>
    <col min="3867" max="3869" width="11.453125" style="1" customWidth="1"/>
    <col min="3870" max="3870" width="11.453125" style="1" bestFit="1" customWidth="1"/>
    <col min="3871" max="3871" width="10.90625" style="1" customWidth="1"/>
    <col min="3872" max="3872" width="11.453125" style="1" bestFit="1" customWidth="1"/>
    <col min="3873" max="3882" width="11.453125" style="1" customWidth="1"/>
    <col min="3883" max="3885" width="11.26953125" style="1" customWidth="1"/>
    <col min="3886" max="3886" width="4.36328125" style="1" customWidth="1"/>
    <col min="3887" max="3887" width="10.6328125" style="1" customWidth="1"/>
    <col min="3888" max="3890" width="11.26953125" style="1" customWidth="1"/>
    <col min="3891" max="3891" width="12.453125" style="1" customWidth="1"/>
    <col min="3892" max="3896" width="11.26953125" style="1" customWidth="1"/>
    <col min="3897" max="3897" width="12.453125" style="1" customWidth="1"/>
    <col min="3898" max="3898" width="4.453125" style="1" bestFit="1" customWidth="1"/>
    <col min="3899" max="4096" width="9" style="1"/>
    <col min="4097" max="4097" width="4.453125" style="1" customWidth="1"/>
    <col min="4098" max="4098" width="9.453125" style="1" customWidth="1"/>
    <col min="4099" max="4099" width="10.453125" style="1" bestFit="1" customWidth="1"/>
    <col min="4100" max="4100" width="11.26953125" style="1" customWidth="1"/>
    <col min="4101" max="4101" width="9" style="1"/>
    <col min="4102" max="4104" width="11.26953125" style="1" customWidth="1"/>
    <col min="4105" max="4105" width="9" style="1"/>
    <col min="4106" max="4108" width="8.7265625" style="1" bestFit="1" customWidth="1"/>
    <col min="4109" max="4109" width="9" style="1"/>
    <col min="4110" max="4113" width="11.26953125" style="1" customWidth="1"/>
    <col min="4114" max="4114" width="9" style="1"/>
    <col min="4115" max="4115" width="11.26953125" style="1" customWidth="1"/>
    <col min="4116" max="4116" width="9" style="1"/>
    <col min="4117" max="4120" width="11.26953125" style="1" customWidth="1"/>
    <col min="4121" max="4121" width="4.36328125" style="1" customWidth="1"/>
    <col min="4122" max="4122" width="10.6328125" style="1" customWidth="1"/>
    <col min="4123" max="4125" width="11.453125" style="1" customWidth="1"/>
    <col min="4126" max="4126" width="11.453125" style="1" bestFit="1" customWidth="1"/>
    <col min="4127" max="4127" width="10.90625" style="1" customWidth="1"/>
    <col min="4128" max="4128" width="11.453125" style="1" bestFit="1" customWidth="1"/>
    <col min="4129" max="4138" width="11.453125" style="1" customWidth="1"/>
    <col min="4139" max="4141" width="11.26953125" style="1" customWidth="1"/>
    <col min="4142" max="4142" width="4.36328125" style="1" customWidth="1"/>
    <col min="4143" max="4143" width="10.6328125" style="1" customWidth="1"/>
    <col min="4144" max="4146" width="11.26953125" style="1" customWidth="1"/>
    <col min="4147" max="4147" width="12.453125" style="1" customWidth="1"/>
    <col min="4148" max="4152" width="11.26953125" style="1" customWidth="1"/>
    <col min="4153" max="4153" width="12.453125" style="1" customWidth="1"/>
    <col min="4154" max="4154" width="4.453125" style="1" bestFit="1" customWidth="1"/>
    <col min="4155" max="4352" width="9" style="1"/>
    <col min="4353" max="4353" width="4.453125" style="1" customWidth="1"/>
    <col min="4354" max="4354" width="9.453125" style="1" customWidth="1"/>
    <col min="4355" max="4355" width="10.453125" style="1" bestFit="1" customWidth="1"/>
    <col min="4356" max="4356" width="11.26953125" style="1" customWidth="1"/>
    <col min="4357" max="4357" width="9" style="1"/>
    <col min="4358" max="4360" width="11.26953125" style="1" customWidth="1"/>
    <col min="4361" max="4361" width="9" style="1"/>
    <col min="4362" max="4364" width="8.7265625" style="1" bestFit="1" customWidth="1"/>
    <col min="4365" max="4365" width="9" style="1"/>
    <col min="4366" max="4369" width="11.26953125" style="1" customWidth="1"/>
    <col min="4370" max="4370" width="9" style="1"/>
    <col min="4371" max="4371" width="11.26953125" style="1" customWidth="1"/>
    <col min="4372" max="4372" width="9" style="1"/>
    <col min="4373" max="4376" width="11.26953125" style="1" customWidth="1"/>
    <col min="4377" max="4377" width="4.36328125" style="1" customWidth="1"/>
    <col min="4378" max="4378" width="10.6328125" style="1" customWidth="1"/>
    <col min="4379" max="4381" width="11.453125" style="1" customWidth="1"/>
    <col min="4382" max="4382" width="11.453125" style="1" bestFit="1" customWidth="1"/>
    <col min="4383" max="4383" width="10.90625" style="1" customWidth="1"/>
    <col min="4384" max="4384" width="11.453125" style="1" bestFit="1" customWidth="1"/>
    <col min="4385" max="4394" width="11.453125" style="1" customWidth="1"/>
    <col min="4395" max="4397" width="11.26953125" style="1" customWidth="1"/>
    <col min="4398" max="4398" width="4.36328125" style="1" customWidth="1"/>
    <col min="4399" max="4399" width="10.6328125" style="1" customWidth="1"/>
    <col min="4400" max="4402" width="11.26953125" style="1" customWidth="1"/>
    <col min="4403" max="4403" width="12.453125" style="1" customWidth="1"/>
    <col min="4404" max="4408" width="11.26953125" style="1" customWidth="1"/>
    <col min="4409" max="4409" width="12.453125" style="1" customWidth="1"/>
    <col min="4410" max="4410" width="4.453125" style="1" bestFit="1" customWidth="1"/>
    <col min="4411" max="4608" width="9" style="1"/>
    <col min="4609" max="4609" width="4.453125" style="1" customWidth="1"/>
    <col min="4610" max="4610" width="9.453125" style="1" customWidth="1"/>
    <col min="4611" max="4611" width="10.453125" style="1" bestFit="1" customWidth="1"/>
    <col min="4612" max="4612" width="11.26953125" style="1" customWidth="1"/>
    <col min="4613" max="4613" width="9" style="1"/>
    <col min="4614" max="4616" width="11.26953125" style="1" customWidth="1"/>
    <col min="4617" max="4617" width="9" style="1"/>
    <col min="4618" max="4620" width="8.7265625" style="1" bestFit="1" customWidth="1"/>
    <col min="4621" max="4621" width="9" style="1"/>
    <col min="4622" max="4625" width="11.26953125" style="1" customWidth="1"/>
    <col min="4626" max="4626" width="9" style="1"/>
    <col min="4627" max="4627" width="11.26953125" style="1" customWidth="1"/>
    <col min="4628" max="4628" width="9" style="1"/>
    <col min="4629" max="4632" width="11.26953125" style="1" customWidth="1"/>
    <col min="4633" max="4633" width="4.36328125" style="1" customWidth="1"/>
    <col min="4634" max="4634" width="10.6328125" style="1" customWidth="1"/>
    <col min="4635" max="4637" width="11.453125" style="1" customWidth="1"/>
    <col min="4638" max="4638" width="11.453125" style="1" bestFit="1" customWidth="1"/>
    <col min="4639" max="4639" width="10.90625" style="1" customWidth="1"/>
    <col min="4640" max="4640" width="11.453125" style="1" bestFit="1" customWidth="1"/>
    <col min="4641" max="4650" width="11.453125" style="1" customWidth="1"/>
    <col min="4651" max="4653" width="11.26953125" style="1" customWidth="1"/>
    <col min="4654" max="4654" width="4.36328125" style="1" customWidth="1"/>
    <col min="4655" max="4655" width="10.6328125" style="1" customWidth="1"/>
    <col min="4656" max="4658" width="11.26953125" style="1" customWidth="1"/>
    <col min="4659" max="4659" width="12.453125" style="1" customWidth="1"/>
    <col min="4660" max="4664" width="11.26953125" style="1" customWidth="1"/>
    <col min="4665" max="4665" width="12.453125" style="1" customWidth="1"/>
    <col min="4666" max="4666" width="4.453125" style="1" bestFit="1" customWidth="1"/>
    <col min="4667" max="4864" width="9" style="1"/>
    <col min="4865" max="4865" width="4.453125" style="1" customWidth="1"/>
    <col min="4866" max="4866" width="9.453125" style="1" customWidth="1"/>
    <col min="4867" max="4867" width="10.453125" style="1" bestFit="1" customWidth="1"/>
    <col min="4868" max="4868" width="11.26953125" style="1" customWidth="1"/>
    <col min="4869" max="4869" width="9" style="1"/>
    <col min="4870" max="4872" width="11.26953125" style="1" customWidth="1"/>
    <col min="4873" max="4873" width="9" style="1"/>
    <col min="4874" max="4876" width="8.7265625" style="1" bestFit="1" customWidth="1"/>
    <col min="4877" max="4877" width="9" style="1"/>
    <col min="4878" max="4881" width="11.26953125" style="1" customWidth="1"/>
    <col min="4882" max="4882" width="9" style="1"/>
    <col min="4883" max="4883" width="11.26953125" style="1" customWidth="1"/>
    <col min="4884" max="4884" width="9" style="1"/>
    <col min="4885" max="4888" width="11.26953125" style="1" customWidth="1"/>
    <col min="4889" max="4889" width="4.36328125" style="1" customWidth="1"/>
    <col min="4890" max="4890" width="10.6328125" style="1" customWidth="1"/>
    <col min="4891" max="4893" width="11.453125" style="1" customWidth="1"/>
    <col min="4894" max="4894" width="11.453125" style="1" bestFit="1" customWidth="1"/>
    <col min="4895" max="4895" width="10.90625" style="1" customWidth="1"/>
    <col min="4896" max="4896" width="11.453125" style="1" bestFit="1" customWidth="1"/>
    <col min="4897" max="4906" width="11.453125" style="1" customWidth="1"/>
    <col min="4907" max="4909" width="11.26953125" style="1" customWidth="1"/>
    <col min="4910" max="4910" width="4.36328125" style="1" customWidth="1"/>
    <col min="4911" max="4911" width="10.6328125" style="1" customWidth="1"/>
    <col min="4912" max="4914" width="11.26953125" style="1" customWidth="1"/>
    <col min="4915" max="4915" width="12.453125" style="1" customWidth="1"/>
    <col min="4916" max="4920" width="11.26953125" style="1" customWidth="1"/>
    <col min="4921" max="4921" width="12.453125" style="1" customWidth="1"/>
    <col min="4922" max="4922" width="4.453125" style="1" bestFit="1" customWidth="1"/>
    <col min="4923" max="5120" width="9" style="1"/>
    <col min="5121" max="5121" width="4.453125" style="1" customWidth="1"/>
    <col min="5122" max="5122" width="9.453125" style="1" customWidth="1"/>
    <col min="5123" max="5123" width="10.453125" style="1" bestFit="1" customWidth="1"/>
    <col min="5124" max="5124" width="11.26953125" style="1" customWidth="1"/>
    <col min="5125" max="5125" width="9" style="1"/>
    <col min="5126" max="5128" width="11.26953125" style="1" customWidth="1"/>
    <col min="5129" max="5129" width="9" style="1"/>
    <col min="5130" max="5132" width="8.7265625" style="1" bestFit="1" customWidth="1"/>
    <col min="5133" max="5133" width="9" style="1"/>
    <col min="5134" max="5137" width="11.26953125" style="1" customWidth="1"/>
    <col min="5138" max="5138" width="9" style="1"/>
    <col min="5139" max="5139" width="11.26953125" style="1" customWidth="1"/>
    <col min="5140" max="5140" width="9" style="1"/>
    <col min="5141" max="5144" width="11.26953125" style="1" customWidth="1"/>
    <col min="5145" max="5145" width="4.36328125" style="1" customWidth="1"/>
    <col min="5146" max="5146" width="10.6328125" style="1" customWidth="1"/>
    <col min="5147" max="5149" width="11.453125" style="1" customWidth="1"/>
    <col min="5150" max="5150" width="11.453125" style="1" bestFit="1" customWidth="1"/>
    <col min="5151" max="5151" width="10.90625" style="1" customWidth="1"/>
    <col min="5152" max="5152" width="11.453125" style="1" bestFit="1" customWidth="1"/>
    <col min="5153" max="5162" width="11.453125" style="1" customWidth="1"/>
    <col min="5163" max="5165" width="11.26953125" style="1" customWidth="1"/>
    <col min="5166" max="5166" width="4.36328125" style="1" customWidth="1"/>
    <col min="5167" max="5167" width="10.6328125" style="1" customWidth="1"/>
    <col min="5168" max="5170" width="11.26953125" style="1" customWidth="1"/>
    <col min="5171" max="5171" width="12.453125" style="1" customWidth="1"/>
    <col min="5172" max="5176" width="11.26953125" style="1" customWidth="1"/>
    <col min="5177" max="5177" width="12.453125" style="1" customWidth="1"/>
    <col min="5178" max="5178" width="4.453125" style="1" bestFit="1" customWidth="1"/>
    <col min="5179" max="5376" width="9" style="1"/>
    <col min="5377" max="5377" width="4.453125" style="1" customWidth="1"/>
    <col min="5378" max="5378" width="9.453125" style="1" customWidth="1"/>
    <col min="5379" max="5379" width="10.453125" style="1" bestFit="1" customWidth="1"/>
    <col min="5380" max="5380" width="11.26953125" style="1" customWidth="1"/>
    <col min="5381" max="5381" width="9" style="1"/>
    <col min="5382" max="5384" width="11.26953125" style="1" customWidth="1"/>
    <col min="5385" max="5385" width="9" style="1"/>
    <col min="5386" max="5388" width="8.7265625" style="1" bestFit="1" customWidth="1"/>
    <col min="5389" max="5389" width="9" style="1"/>
    <col min="5390" max="5393" width="11.26953125" style="1" customWidth="1"/>
    <col min="5394" max="5394" width="9" style="1"/>
    <col min="5395" max="5395" width="11.26953125" style="1" customWidth="1"/>
    <col min="5396" max="5396" width="9" style="1"/>
    <col min="5397" max="5400" width="11.26953125" style="1" customWidth="1"/>
    <col min="5401" max="5401" width="4.36328125" style="1" customWidth="1"/>
    <col min="5402" max="5402" width="10.6328125" style="1" customWidth="1"/>
    <col min="5403" max="5405" width="11.453125" style="1" customWidth="1"/>
    <col min="5406" max="5406" width="11.453125" style="1" bestFit="1" customWidth="1"/>
    <col min="5407" max="5407" width="10.90625" style="1" customWidth="1"/>
    <col min="5408" max="5408" width="11.453125" style="1" bestFit="1" customWidth="1"/>
    <col min="5409" max="5418" width="11.453125" style="1" customWidth="1"/>
    <col min="5419" max="5421" width="11.26953125" style="1" customWidth="1"/>
    <col min="5422" max="5422" width="4.36328125" style="1" customWidth="1"/>
    <col min="5423" max="5423" width="10.6328125" style="1" customWidth="1"/>
    <col min="5424" max="5426" width="11.26953125" style="1" customWidth="1"/>
    <col min="5427" max="5427" width="12.453125" style="1" customWidth="1"/>
    <col min="5428" max="5432" width="11.26953125" style="1" customWidth="1"/>
    <col min="5433" max="5433" width="12.453125" style="1" customWidth="1"/>
    <col min="5434" max="5434" width="4.453125" style="1" bestFit="1" customWidth="1"/>
    <col min="5435" max="5632" width="9" style="1"/>
    <col min="5633" max="5633" width="4.453125" style="1" customWidth="1"/>
    <col min="5634" max="5634" width="9.453125" style="1" customWidth="1"/>
    <col min="5635" max="5635" width="10.453125" style="1" bestFit="1" customWidth="1"/>
    <col min="5636" max="5636" width="11.26953125" style="1" customWidth="1"/>
    <col min="5637" max="5637" width="9" style="1"/>
    <col min="5638" max="5640" width="11.26953125" style="1" customWidth="1"/>
    <col min="5641" max="5641" width="9" style="1"/>
    <col min="5642" max="5644" width="8.7265625" style="1" bestFit="1" customWidth="1"/>
    <col min="5645" max="5645" width="9" style="1"/>
    <col min="5646" max="5649" width="11.26953125" style="1" customWidth="1"/>
    <col min="5650" max="5650" width="9" style="1"/>
    <col min="5651" max="5651" width="11.26953125" style="1" customWidth="1"/>
    <col min="5652" max="5652" width="9" style="1"/>
    <col min="5653" max="5656" width="11.26953125" style="1" customWidth="1"/>
    <col min="5657" max="5657" width="4.36328125" style="1" customWidth="1"/>
    <col min="5658" max="5658" width="10.6328125" style="1" customWidth="1"/>
    <col min="5659" max="5661" width="11.453125" style="1" customWidth="1"/>
    <col min="5662" max="5662" width="11.453125" style="1" bestFit="1" customWidth="1"/>
    <col min="5663" max="5663" width="10.90625" style="1" customWidth="1"/>
    <col min="5664" max="5664" width="11.453125" style="1" bestFit="1" customWidth="1"/>
    <col min="5665" max="5674" width="11.453125" style="1" customWidth="1"/>
    <col min="5675" max="5677" width="11.26953125" style="1" customWidth="1"/>
    <col min="5678" max="5678" width="4.36328125" style="1" customWidth="1"/>
    <col min="5679" max="5679" width="10.6328125" style="1" customWidth="1"/>
    <col min="5680" max="5682" width="11.26953125" style="1" customWidth="1"/>
    <col min="5683" max="5683" width="12.453125" style="1" customWidth="1"/>
    <col min="5684" max="5688" width="11.26953125" style="1" customWidth="1"/>
    <col min="5689" max="5689" width="12.453125" style="1" customWidth="1"/>
    <col min="5690" max="5690" width="4.453125" style="1" bestFit="1" customWidth="1"/>
    <col min="5691" max="5888" width="9" style="1"/>
    <col min="5889" max="5889" width="4.453125" style="1" customWidth="1"/>
    <col min="5890" max="5890" width="9.453125" style="1" customWidth="1"/>
    <col min="5891" max="5891" width="10.453125" style="1" bestFit="1" customWidth="1"/>
    <col min="5892" max="5892" width="11.26953125" style="1" customWidth="1"/>
    <col min="5893" max="5893" width="9" style="1"/>
    <col min="5894" max="5896" width="11.26953125" style="1" customWidth="1"/>
    <col min="5897" max="5897" width="9" style="1"/>
    <col min="5898" max="5900" width="8.7265625" style="1" bestFit="1" customWidth="1"/>
    <col min="5901" max="5901" width="9" style="1"/>
    <col min="5902" max="5905" width="11.26953125" style="1" customWidth="1"/>
    <col min="5906" max="5906" width="9" style="1"/>
    <col min="5907" max="5907" width="11.26953125" style="1" customWidth="1"/>
    <col min="5908" max="5908" width="9" style="1"/>
    <col min="5909" max="5912" width="11.26953125" style="1" customWidth="1"/>
    <col min="5913" max="5913" width="4.36328125" style="1" customWidth="1"/>
    <col min="5914" max="5914" width="10.6328125" style="1" customWidth="1"/>
    <col min="5915" max="5917" width="11.453125" style="1" customWidth="1"/>
    <col min="5918" max="5918" width="11.453125" style="1" bestFit="1" customWidth="1"/>
    <col min="5919" max="5919" width="10.90625" style="1" customWidth="1"/>
    <col min="5920" max="5920" width="11.453125" style="1" bestFit="1" customWidth="1"/>
    <col min="5921" max="5930" width="11.453125" style="1" customWidth="1"/>
    <col min="5931" max="5933" width="11.26953125" style="1" customWidth="1"/>
    <col min="5934" max="5934" width="4.36328125" style="1" customWidth="1"/>
    <col min="5935" max="5935" width="10.6328125" style="1" customWidth="1"/>
    <col min="5936" max="5938" width="11.26953125" style="1" customWidth="1"/>
    <col min="5939" max="5939" width="12.453125" style="1" customWidth="1"/>
    <col min="5940" max="5944" width="11.26953125" style="1" customWidth="1"/>
    <col min="5945" max="5945" width="12.453125" style="1" customWidth="1"/>
    <col min="5946" max="5946" width="4.453125" style="1" bestFit="1" customWidth="1"/>
    <col min="5947" max="6144" width="9" style="1"/>
    <col min="6145" max="6145" width="4.453125" style="1" customWidth="1"/>
    <col min="6146" max="6146" width="9.453125" style="1" customWidth="1"/>
    <col min="6147" max="6147" width="10.453125" style="1" bestFit="1" customWidth="1"/>
    <col min="6148" max="6148" width="11.26953125" style="1" customWidth="1"/>
    <col min="6149" max="6149" width="9" style="1"/>
    <col min="6150" max="6152" width="11.26953125" style="1" customWidth="1"/>
    <col min="6153" max="6153" width="9" style="1"/>
    <col min="6154" max="6156" width="8.7265625" style="1" bestFit="1" customWidth="1"/>
    <col min="6157" max="6157" width="9" style="1"/>
    <col min="6158" max="6161" width="11.26953125" style="1" customWidth="1"/>
    <col min="6162" max="6162" width="9" style="1"/>
    <col min="6163" max="6163" width="11.26953125" style="1" customWidth="1"/>
    <col min="6164" max="6164" width="9" style="1"/>
    <col min="6165" max="6168" width="11.26953125" style="1" customWidth="1"/>
    <col min="6169" max="6169" width="4.36328125" style="1" customWidth="1"/>
    <col min="6170" max="6170" width="10.6328125" style="1" customWidth="1"/>
    <col min="6171" max="6173" width="11.453125" style="1" customWidth="1"/>
    <col min="6174" max="6174" width="11.453125" style="1" bestFit="1" customWidth="1"/>
    <col min="6175" max="6175" width="10.90625" style="1" customWidth="1"/>
    <col min="6176" max="6176" width="11.453125" style="1" bestFit="1" customWidth="1"/>
    <col min="6177" max="6186" width="11.453125" style="1" customWidth="1"/>
    <col min="6187" max="6189" width="11.26953125" style="1" customWidth="1"/>
    <col min="6190" max="6190" width="4.36328125" style="1" customWidth="1"/>
    <col min="6191" max="6191" width="10.6328125" style="1" customWidth="1"/>
    <col min="6192" max="6194" width="11.26953125" style="1" customWidth="1"/>
    <col min="6195" max="6195" width="12.453125" style="1" customWidth="1"/>
    <col min="6196" max="6200" width="11.26953125" style="1" customWidth="1"/>
    <col min="6201" max="6201" width="12.453125" style="1" customWidth="1"/>
    <col min="6202" max="6202" width="4.453125" style="1" bestFit="1" customWidth="1"/>
    <col min="6203" max="6400" width="9" style="1"/>
    <col min="6401" max="6401" width="4.453125" style="1" customWidth="1"/>
    <col min="6402" max="6402" width="9.453125" style="1" customWidth="1"/>
    <col min="6403" max="6403" width="10.453125" style="1" bestFit="1" customWidth="1"/>
    <col min="6404" max="6404" width="11.26953125" style="1" customWidth="1"/>
    <col min="6405" max="6405" width="9" style="1"/>
    <col min="6406" max="6408" width="11.26953125" style="1" customWidth="1"/>
    <col min="6409" max="6409" width="9" style="1"/>
    <col min="6410" max="6412" width="8.7265625" style="1" bestFit="1" customWidth="1"/>
    <col min="6413" max="6413" width="9" style="1"/>
    <col min="6414" max="6417" width="11.26953125" style="1" customWidth="1"/>
    <col min="6418" max="6418" width="9" style="1"/>
    <col min="6419" max="6419" width="11.26953125" style="1" customWidth="1"/>
    <col min="6420" max="6420" width="9" style="1"/>
    <col min="6421" max="6424" width="11.26953125" style="1" customWidth="1"/>
    <col min="6425" max="6425" width="4.36328125" style="1" customWidth="1"/>
    <col min="6426" max="6426" width="10.6328125" style="1" customWidth="1"/>
    <col min="6427" max="6429" width="11.453125" style="1" customWidth="1"/>
    <col min="6430" max="6430" width="11.453125" style="1" bestFit="1" customWidth="1"/>
    <col min="6431" max="6431" width="10.90625" style="1" customWidth="1"/>
    <col min="6432" max="6432" width="11.453125" style="1" bestFit="1" customWidth="1"/>
    <col min="6433" max="6442" width="11.453125" style="1" customWidth="1"/>
    <col min="6443" max="6445" width="11.26953125" style="1" customWidth="1"/>
    <col min="6446" max="6446" width="4.36328125" style="1" customWidth="1"/>
    <col min="6447" max="6447" width="10.6328125" style="1" customWidth="1"/>
    <col min="6448" max="6450" width="11.26953125" style="1" customWidth="1"/>
    <col min="6451" max="6451" width="12.453125" style="1" customWidth="1"/>
    <col min="6452" max="6456" width="11.26953125" style="1" customWidth="1"/>
    <col min="6457" max="6457" width="12.453125" style="1" customWidth="1"/>
    <col min="6458" max="6458" width="4.453125" style="1" bestFit="1" customWidth="1"/>
    <col min="6459" max="6656" width="9" style="1"/>
    <col min="6657" max="6657" width="4.453125" style="1" customWidth="1"/>
    <col min="6658" max="6658" width="9.453125" style="1" customWidth="1"/>
    <col min="6659" max="6659" width="10.453125" style="1" bestFit="1" customWidth="1"/>
    <col min="6660" max="6660" width="11.26953125" style="1" customWidth="1"/>
    <col min="6661" max="6661" width="9" style="1"/>
    <col min="6662" max="6664" width="11.26953125" style="1" customWidth="1"/>
    <col min="6665" max="6665" width="9" style="1"/>
    <col min="6666" max="6668" width="8.7265625" style="1" bestFit="1" customWidth="1"/>
    <col min="6669" max="6669" width="9" style="1"/>
    <col min="6670" max="6673" width="11.26953125" style="1" customWidth="1"/>
    <col min="6674" max="6674" width="9" style="1"/>
    <col min="6675" max="6675" width="11.26953125" style="1" customWidth="1"/>
    <col min="6676" max="6676" width="9" style="1"/>
    <col min="6677" max="6680" width="11.26953125" style="1" customWidth="1"/>
    <col min="6681" max="6681" width="4.36328125" style="1" customWidth="1"/>
    <col min="6682" max="6682" width="10.6328125" style="1" customWidth="1"/>
    <col min="6683" max="6685" width="11.453125" style="1" customWidth="1"/>
    <col min="6686" max="6686" width="11.453125" style="1" bestFit="1" customWidth="1"/>
    <col min="6687" max="6687" width="10.90625" style="1" customWidth="1"/>
    <col min="6688" max="6688" width="11.453125" style="1" bestFit="1" customWidth="1"/>
    <col min="6689" max="6698" width="11.453125" style="1" customWidth="1"/>
    <col min="6699" max="6701" width="11.26953125" style="1" customWidth="1"/>
    <col min="6702" max="6702" width="4.36328125" style="1" customWidth="1"/>
    <col min="6703" max="6703" width="10.6328125" style="1" customWidth="1"/>
    <col min="6704" max="6706" width="11.26953125" style="1" customWidth="1"/>
    <col min="6707" max="6707" width="12.453125" style="1" customWidth="1"/>
    <col min="6708" max="6712" width="11.26953125" style="1" customWidth="1"/>
    <col min="6713" max="6713" width="12.453125" style="1" customWidth="1"/>
    <col min="6714" max="6714" width="4.453125" style="1" bestFit="1" customWidth="1"/>
    <col min="6715" max="6912" width="9" style="1"/>
    <col min="6913" max="6913" width="4.453125" style="1" customWidth="1"/>
    <col min="6914" max="6914" width="9.453125" style="1" customWidth="1"/>
    <col min="6915" max="6915" width="10.453125" style="1" bestFit="1" customWidth="1"/>
    <col min="6916" max="6916" width="11.26953125" style="1" customWidth="1"/>
    <col min="6917" max="6917" width="9" style="1"/>
    <col min="6918" max="6920" width="11.26953125" style="1" customWidth="1"/>
    <col min="6921" max="6921" width="9" style="1"/>
    <col min="6922" max="6924" width="8.7265625" style="1" bestFit="1" customWidth="1"/>
    <col min="6925" max="6925" width="9" style="1"/>
    <col min="6926" max="6929" width="11.26953125" style="1" customWidth="1"/>
    <col min="6930" max="6930" width="9" style="1"/>
    <col min="6931" max="6931" width="11.26953125" style="1" customWidth="1"/>
    <col min="6932" max="6932" width="9" style="1"/>
    <col min="6933" max="6936" width="11.26953125" style="1" customWidth="1"/>
    <col min="6937" max="6937" width="4.36328125" style="1" customWidth="1"/>
    <col min="6938" max="6938" width="10.6328125" style="1" customWidth="1"/>
    <col min="6939" max="6941" width="11.453125" style="1" customWidth="1"/>
    <col min="6942" max="6942" width="11.453125" style="1" bestFit="1" customWidth="1"/>
    <col min="6943" max="6943" width="10.90625" style="1" customWidth="1"/>
    <col min="6944" max="6944" width="11.453125" style="1" bestFit="1" customWidth="1"/>
    <col min="6945" max="6954" width="11.453125" style="1" customWidth="1"/>
    <col min="6955" max="6957" width="11.26953125" style="1" customWidth="1"/>
    <col min="6958" max="6958" width="4.36328125" style="1" customWidth="1"/>
    <col min="6959" max="6959" width="10.6328125" style="1" customWidth="1"/>
    <col min="6960" max="6962" width="11.26953125" style="1" customWidth="1"/>
    <col min="6963" max="6963" width="12.453125" style="1" customWidth="1"/>
    <col min="6964" max="6968" width="11.26953125" style="1" customWidth="1"/>
    <col min="6969" max="6969" width="12.453125" style="1" customWidth="1"/>
    <col min="6970" max="6970" width="4.453125" style="1" bestFit="1" customWidth="1"/>
    <col min="6971" max="7168" width="9" style="1"/>
    <col min="7169" max="7169" width="4.453125" style="1" customWidth="1"/>
    <col min="7170" max="7170" width="9.453125" style="1" customWidth="1"/>
    <col min="7171" max="7171" width="10.453125" style="1" bestFit="1" customWidth="1"/>
    <col min="7172" max="7172" width="11.26953125" style="1" customWidth="1"/>
    <col min="7173" max="7173" width="9" style="1"/>
    <col min="7174" max="7176" width="11.26953125" style="1" customWidth="1"/>
    <col min="7177" max="7177" width="9" style="1"/>
    <col min="7178" max="7180" width="8.7265625" style="1" bestFit="1" customWidth="1"/>
    <col min="7181" max="7181" width="9" style="1"/>
    <col min="7182" max="7185" width="11.26953125" style="1" customWidth="1"/>
    <col min="7186" max="7186" width="9" style="1"/>
    <col min="7187" max="7187" width="11.26953125" style="1" customWidth="1"/>
    <col min="7188" max="7188" width="9" style="1"/>
    <col min="7189" max="7192" width="11.26953125" style="1" customWidth="1"/>
    <col min="7193" max="7193" width="4.36328125" style="1" customWidth="1"/>
    <col min="7194" max="7194" width="10.6328125" style="1" customWidth="1"/>
    <col min="7195" max="7197" width="11.453125" style="1" customWidth="1"/>
    <col min="7198" max="7198" width="11.453125" style="1" bestFit="1" customWidth="1"/>
    <col min="7199" max="7199" width="10.90625" style="1" customWidth="1"/>
    <col min="7200" max="7200" width="11.453125" style="1" bestFit="1" customWidth="1"/>
    <col min="7201" max="7210" width="11.453125" style="1" customWidth="1"/>
    <col min="7211" max="7213" width="11.26953125" style="1" customWidth="1"/>
    <col min="7214" max="7214" width="4.36328125" style="1" customWidth="1"/>
    <col min="7215" max="7215" width="10.6328125" style="1" customWidth="1"/>
    <col min="7216" max="7218" width="11.26953125" style="1" customWidth="1"/>
    <col min="7219" max="7219" width="12.453125" style="1" customWidth="1"/>
    <col min="7220" max="7224" width="11.26953125" style="1" customWidth="1"/>
    <col min="7225" max="7225" width="12.453125" style="1" customWidth="1"/>
    <col min="7226" max="7226" width="4.453125" style="1" bestFit="1" customWidth="1"/>
    <col min="7227" max="7424" width="9" style="1"/>
    <col min="7425" max="7425" width="4.453125" style="1" customWidth="1"/>
    <col min="7426" max="7426" width="9.453125" style="1" customWidth="1"/>
    <col min="7427" max="7427" width="10.453125" style="1" bestFit="1" customWidth="1"/>
    <col min="7428" max="7428" width="11.26953125" style="1" customWidth="1"/>
    <col min="7429" max="7429" width="9" style="1"/>
    <col min="7430" max="7432" width="11.26953125" style="1" customWidth="1"/>
    <col min="7433" max="7433" width="9" style="1"/>
    <col min="7434" max="7436" width="8.7265625" style="1" bestFit="1" customWidth="1"/>
    <col min="7437" max="7437" width="9" style="1"/>
    <col min="7438" max="7441" width="11.26953125" style="1" customWidth="1"/>
    <col min="7442" max="7442" width="9" style="1"/>
    <col min="7443" max="7443" width="11.26953125" style="1" customWidth="1"/>
    <col min="7444" max="7444" width="9" style="1"/>
    <col min="7445" max="7448" width="11.26953125" style="1" customWidth="1"/>
    <col min="7449" max="7449" width="4.36328125" style="1" customWidth="1"/>
    <col min="7450" max="7450" width="10.6328125" style="1" customWidth="1"/>
    <col min="7451" max="7453" width="11.453125" style="1" customWidth="1"/>
    <col min="7454" max="7454" width="11.453125" style="1" bestFit="1" customWidth="1"/>
    <col min="7455" max="7455" width="10.90625" style="1" customWidth="1"/>
    <col min="7456" max="7456" width="11.453125" style="1" bestFit="1" customWidth="1"/>
    <col min="7457" max="7466" width="11.453125" style="1" customWidth="1"/>
    <col min="7467" max="7469" width="11.26953125" style="1" customWidth="1"/>
    <col min="7470" max="7470" width="4.36328125" style="1" customWidth="1"/>
    <col min="7471" max="7471" width="10.6328125" style="1" customWidth="1"/>
    <col min="7472" max="7474" width="11.26953125" style="1" customWidth="1"/>
    <col min="7475" max="7475" width="12.453125" style="1" customWidth="1"/>
    <col min="7476" max="7480" width="11.26953125" style="1" customWidth="1"/>
    <col min="7481" max="7481" width="12.453125" style="1" customWidth="1"/>
    <col min="7482" max="7482" width="4.453125" style="1" bestFit="1" customWidth="1"/>
    <col min="7483" max="7680" width="9" style="1"/>
    <col min="7681" max="7681" width="4.453125" style="1" customWidth="1"/>
    <col min="7682" max="7682" width="9.453125" style="1" customWidth="1"/>
    <col min="7683" max="7683" width="10.453125" style="1" bestFit="1" customWidth="1"/>
    <col min="7684" max="7684" width="11.26953125" style="1" customWidth="1"/>
    <col min="7685" max="7685" width="9" style="1"/>
    <col min="7686" max="7688" width="11.26953125" style="1" customWidth="1"/>
    <col min="7689" max="7689" width="9" style="1"/>
    <col min="7690" max="7692" width="8.7265625" style="1" bestFit="1" customWidth="1"/>
    <col min="7693" max="7693" width="9" style="1"/>
    <col min="7694" max="7697" width="11.26953125" style="1" customWidth="1"/>
    <col min="7698" max="7698" width="9" style="1"/>
    <col min="7699" max="7699" width="11.26953125" style="1" customWidth="1"/>
    <col min="7700" max="7700" width="9" style="1"/>
    <col min="7701" max="7704" width="11.26953125" style="1" customWidth="1"/>
    <col min="7705" max="7705" width="4.36328125" style="1" customWidth="1"/>
    <col min="7706" max="7706" width="10.6328125" style="1" customWidth="1"/>
    <col min="7707" max="7709" width="11.453125" style="1" customWidth="1"/>
    <col min="7710" max="7710" width="11.453125" style="1" bestFit="1" customWidth="1"/>
    <col min="7711" max="7711" width="10.90625" style="1" customWidth="1"/>
    <col min="7712" max="7712" width="11.453125" style="1" bestFit="1" customWidth="1"/>
    <col min="7713" max="7722" width="11.453125" style="1" customWidth="1"/>
    <col min="7723" max="7725" width="11.26953125" style="1" customWidth="1"/>
    <col min="7726" max="7726" width="4.36328125" style="1" customWidth="1"/>
    <col min="7727" max="7727" width="10.6328125" style="1" customWidth="1"/>
    <col min="7728" max="7730" width="11.26953125" style="1" customWidth="1"/>
    <col min="7731" max="7731" width="12.453125" style="1" customWidth="1"/>
    <col min="7732" max="7736" width="11.26953125" style="1" customWidth="1"/>
    <col min="7737" max="7737" width="12.453125" style="1" customWidth="1"/>
    <col min="7738" max="7738" width="4.453125" style="1" bestFit="1" customWidth="1"/>
    <col min="7739" max="7936" width="9" style="1"/>
    <col min="7937" max="7937" width="4.453125" style="1" customWidth="1"/>
    <col min="7938" max="7938" width="9.453125" style="1" customWidth="1"/>
    <col min="7939" max="7939" width="10.453125" style="1" bestFit="1" customWidth="1"/>
    <col min="7940" max="7940" width="11.26953125" style="1" customWidth="1"/>
    <col min="7941" max="7941" width="9" style="1"/>
    <col min="7942" max="7944" width="11.26953125" style="1" customWidth="1"/>
    <col min="7945" max="7945" width="9" style="1"/>
    <col min="7946" max="7948" width="8.7265625" style="1" bestFit="1" customWidth="1"/>
    <col min="7949" max="7949" width="9" style="1"/>
    <col min="7950" max="7953" width="11.26953125" style="1" customWidth="1"/>
    <col min="7954" max="7954" width="9" style="1"/>
    <col min="7955" max="7955" width="11.26953125" style="1" customWidth="1"/>
    <col min="7956" max="7956" width="9" style="1"/>
    <col min="7957" max="7960" width="11.26953125" style="1" customWidth="1"/>
    <col min="7961" max="7961" width="4.36328125" style="1" customWidth="1"/>
    <col min="7962" max="7962" width="10.6328125" style="1" customWidth="1"/>
    <col min="7963" max="7965" width="11.453125" style="1" customWidth="1"/>
    <col min="7966" max="7966" width="11.453125" style="1" bestFit="1" customWidth="1"/>
    <col min="7967" max="7967" width="10.90625" style="1" customWidth="1"/>
    <col min="7968" max="7968" width="11.453125" style="1" bestFit="1" customWidth="1"/>
    <col min="7969" max="7978" width="11.453125" style="1" customWidth="1"/>
    <col min="7979" max="7981" width="11.26953125" style="1" customWidth="1"/>
    <col min="7982" max="7982" width="4.36328125" style="1" customWidth="1"/>
    <col min="7983" max="7983" width="10.6328125" style="1" customWidth="1"/>
    <col min="7984" max="7986" width="11.26953125" style="1" customWidth="1"/>
    <col min="7987" max="7987" width="12.453125" style="1" customWidth="1"/>
    <col min="7988" max="7992" width="11.26953125" style="1" customWidth="1"/>
    <col min="7993" max="7993" width="12.453125" style="1" customWidth="1"/>
    <col min="7994" max="7994" width="4.453125" style="1" bestFit="1" customWidth="1"/>
    <col min="7995" max="8192" width="9" style="1"/>
    <col min="8193" max="8193" width="4.453125" style="1" customWidth="1"/>
    <col min="8194" max="8194" width="9.453125" style="1" customWidth="1"/>
    <col min="8195" max="8195" width="10.453125" style="1" bestFit="1" customWidth="1"/>
    <col min="8196" max="8196" width="11.26953125" style="1" customWidth="1"/>
    <col min="8197" max="8197" width="9" style="1"/>
    <col min="8198" max="8200" width="11.26953125" style="1" customWidth="1"/>
    <col min="8201" max="8201" width="9" style="1"/>
    <col min="8202" max="8204" width="8.7265625" style="1" bestFit="1" customWidth="1"/>
    <col min="8205" max="8205" width="9" style="1"/>
    <col min="8206" max="8209" width="11.26953125" style="1" customWidth="1"/>
    <col min="8210" max="8210" width="9" style="1"/>
    <col min="8211" max="8211" width="11.26953125" style="1" customWidth="1"/>
    <col min="8212" max="8212" width="9" style="1"/>
    <col min="8213" max="8216" width="11.26953125" style="1" customWidth="1"/>
    <col min="8217" max="8217" width="4.36328125" style="1" customWidth="1"/>
    <col min="8218" max="8218" width="10.6328125" style="1" customWidth="1"/>
    <col min="8219" max="8221" width="11.453125" style="1" customWidth="1"/>
    <col min="8222" max="8222" width="11.453125" style="1" bestFit="1" customWidth="1"/>
    <col min="8223" max="8223" width="10.90625" style="1" customWidth="1"/>
    <col min="8224" max="8224" width="11.453125" style="1" bestFit="1" customWidth="1"/>
    <col min="8225" max="8234" width="11.453125" style="1" customWidth="1"/>
    <col min="8235" max="8237" width="11.26953125" style="1" customWidth="1"/>
    <col min="8238" max="8238" width="4.36328125" style="1" customWidth="1"/>
    <col min="8239" max="8239" width="10.6328125" style="1" customWidth="1"/>
    <col min="8240" max="8242" width="11.26953125" style="1" customWidth="1"/>
    <col min="8243" max="8243" width="12.453125" style="1" customWidth="1"/>
    <col min="8244" max="8248" width="11.26953125" style="1" customWidth="1"/>
    <col min="8249" max="8249" width="12.453125" style="1" customWidth="1"/>
    <col min="8250" max="8250" width="4.453125" style="1" bestFit="1" customWidth="1"/>
    <col min="8251" max="8448" width="9" style="1"/>
    <col min="8449" max="8449" width="4.453125" style="1" customWidth="1"/>
    <col min="8450" max="8450" width="9.453125" style="1" customWidth="1"/>
    <col min="8451" max="8451" width="10.453125" style="1" bestFit="1" customWidth="1"/>
    <col min="8452" max="8452" width="11.26953125" style="1" customWidth="1"/>
    <col min="8453" max="8453" width="9" style="1"/>
    <col min="8454" max="8456" width="11.26953125" style="1" customWidth="1"/>
    <col min="8457" max="8457" width="9" style="1"/>
    <col min="8458" max="8460" width="8.7265625" style="1" bestFit="1" customWidth="1"/>
    <col min="8461" max="8461" width="9" style="1"/>
    <col min="8462" max="8465" width="11.26953125" style="1" customWidth="1"/>
    <col min="8466" max="8466" width="9" style="1"/>
    <col min="8467" max="8467" width="11.26953125" style="1" customWidth="1"/>
    <col min="8468" max="8468" width="9" style="1"/>
    <col min="8469" max="8472" width="11.26953125" style="1" customWidth="1"/>
    <col min="8473" max="8473" width="4.36328125" style="1" customWidth="1"/>
    <col min="8474" max="8474" width="10.6328125" style="1" customWidth="1"/>
    <col min="8475" max="8477" width="11.453125" style="1" customWidth="1"/>
    <col min="8478" max="8478" width="11.453125" style="1" bestFit="1" customWidth="1"/>
    <col min="8479" max="8479" width="10.90625" style="1" customWidth="1"/>
    <col min="8480" max="8480" width="11.453125" style="1" bestFit="1" customWidth="1"/>
    <col min="8481" max="8490" width="11.453125" style="1" customWidth="1"/>
    <col min="8491" max="8493" width="11.26953125" style="1" customWidth="1"/>
    <col min="8494" max="8494" width="4.36328125" style="1" customWidth="1"/>
    <col min="8495" max="8495" width="10.6328125" style="1" customWidth="1"/>
    <col min="8496" max="8498" width="11.26953125" style="1" customWidth="1"/>
    <col min="8499" max="8499" width="12.453125" style="1" customWidth="1"/>
    <col min="8500" max="8504" width="11.26953125" style="1" customWidth="1"/>
    <col min="8505" max="8505" width="12.453125" style="1" customWidth="1"/>
    <col min="8506" max="8506" width="4.453125" style="1" bestFit="1" customWidth="1"/>
    <col min="8507" max="8704" width="9" style="1"/>
    <col min="8705" max="8705" width="4.453125" style="1" customWidth="1"/>
    <col min="8706" max="8706" width="9.453125" style="1" customWidth="1"/>
    <col min="8707" max="8707" width="10.453125" style="1" bestFit="1" customWidth="1"/>
    <col min="8708" max="8708" width="11.26953125" style="1" customWidth="1"/>
    <col min="8709" max="8709" width="9" style="1"/>
    <col min="8710" max="8712" width="11.26953125" style="1" customWidth="1"/>
    <col min="8713" max="8713" width="9" style="1"/>
    <col min="8714" max="8716" width="8.7265625" style="1" bestFit="1" customWidth="1"/>
    <col min="8717" max="8717" width="9" style="1"/>
    <col min="8718" max="8721" width="11.26953125" style="1" customWidth="1"/>
    <col min="8722" max="8722" width="9" style="1"/>
    <col min="8723" max="8723" width="11.26953125" style="1" customWidth="1"/>
    <col min="8724" max="8724" width="9" style="1"/>
    <col min="8725" max="8728" width="11.26953125" style="1" customWidth="1"/>
    <col min="8729" max="8729" width="4.36328125" style="1" customWidth="1"/>
    <col min="8730" max="8730" width="10.6328125" style="1" customWidth="1"/>
    <col min="8731" max="8733" width="11.453125" style="1" customWidth="1"/>
    <col min="8734" max="8734" width="11.453125" style="1" bestFit="1" customWidth="1"/>
    <col min="8735" max="8735" width="10.90625" style="1" customWidth="1"/>
    <col min="8736" max="8736" width="11.453125" style="1" bestFit="1" customWidth="1"/>
    <col min="8737" max="8746" width="11.453125" style="1" customWidth="1"/>
    <col min="8747" max="8749" width="11.26953125" style="1" customWidth="1"/>
    <col min="8750" max="8750" width="4.36328125" style="1" customWidth="1"/>
    <col min="8751" max="8751" width="10.6328125" style="1" customWidth="1"/>
    <col min="8752" max="8754" width="11.26953125" style="1" customWidth="1"/>
    <col min="8755" max="8755" width="12.453125" style="1" customWidth="1"/>
    <col min="8756" max="8760" width="11.26953125" style="1" customWidth="1"/>
    <col min="8761" max="8761" width="12.453125" style="1" customWidth="1"/>
    <col min="8762" max="8762" width="4.453125" style="1" bestFit="1" customWidth="1"/>
    <col min="8763" max="8960" width="9" style="1"/>
    <col min="8961" max="8961" width="4.453125" style="1" customWidth="1"/>
    <col min="8962" max="8962" width="9.453125" style="1" customWidth="1"/>
    <col min="8963" max="8963" width="10.453125" style="1" bestFit="1" customWidth="1"/>
    <col min="8964" max="8964" width="11.26953125" style="1" customWidth="1"/>
    <col min="8965" max="8965" width="9" style="1"/>
    <col min="8966" max="8968" width="11.26953125" style="1" customWidth="1"/>
    <col min="8969" max="8969" width="9" style="1"/>
    <col min="8970" max="8972" width="8.7265625" style="1" bestFit="1" customWidth="1"/>
    <col min="8973" max="8973" width="9" style="1"/>
    <col min="8974" max="8977" width="11.26953125" style="1" customWidth="1"/>
    <col min="8978" max="8978" width="9" style="1"/>
    <col min="8979" max="8979" width="11.26953125" style="1" customWidth="1"/>
    <col min="8980" max="8980" width="9" style="1"/>
    <col min="8981" max="8984" width="11.26953125" style="1" customWidth="1"/>
    <col min="8985" max="8985" width="4.36328125" style="1" customWidth="1"/>
    <col min="8986" max="8986" width="10.6328125" style="1" customWidth="1"/>
    <col min="8987" max="8989" width="11.453125" style="1" customWidth="1"/>
    <col min="8990" max="8990" width="11.453125" style="1" bestFit="1" customWidth="1"/>
    <col min="8991" max="8991" width="10.90625" style="1" customWidth="1"/>
    <col min="8992" max="8992" width="11.453125" style="1" bestFit="1" customWidth="1"/>
    <col min="8993" max="9002" width="11.453125" style="1" customWidth="1"/>
    <col min="9003" max="9005" width="11.26953125" style="1" customWidth="1"/>
    <col min="9006" max="9006" width="4.36328125" style="1" customWidth="1"/>
    <col min="9007" max="9007" width="10.6328125" style="1" customWidth="1"/>
    <col min="9008" max="9010" width="11.26953125" style="1" customWidth="1"/>
    <col min="9011" max="9011" width="12.453125" style="1" customWidth="1"/>
    <col min="9012" max="9016" width="11.26953125" style="1" customWidth="1"/>
    <col min="9017" max="9017" width="12.453125" style="1" customWidth="1"/>
    <col min="9018" max="9018" width="4.453125" style="1" bestFit="1" customWidth="1"/>
    <col min="9019" max="9216" width="9" style="1"/>
    <col min="9217" max="9217" width="4.453125" style="1" customWidth="1"/>
    <col min="9218" max="9218" width="9.453125" style="1" customWidth="1"/>
    <col min="9219" max="9219" width="10.453125" style="1" bestFit="1" customWidth="1"/>
    <col min="9220" max="9220" width="11.26953125" style="1" customWidth="1"/>
    <col min="9221" max="9221" width="9" style="1"/>
    <col min="9222" max="9224" width="11.26953125" style="1" customWidth="1"/>
    <col min="9225" max="9225" width="9" style="1"/>
    <col min="9226" max="9228" width="8.7265625" style="1" bestFit="1" customWidth="1"/>
    <col min="9229" max="9229" width="9" style="1"/>
    <col min="9230" max="9233" width="11.26953125" style="1" customWidth="1"/>
    <col min="9234" max="9234" width="9" style="1"/>
    <col min="9235" max="9235" width="11.26953125" style="1" customWidth="1"/>
    <col min="9236" max="9236" width="9" style="1"/>
    <col min="9237" max="9240" width="11.26953125" style="1" customWidth="1"/>
    <col min="9241" max="9241" width="4.36328125" style="1" customWidth="1"/>
    <col min="9242" max="9242" width="10.6328125" style="1" customWidth="1"/>
    <col min="9243" max="9245" width="11.453125" style="1" customWidth="1"/>
    <col min="9246" max="9246" width="11.453125" style="1" bestFit="1" customWidth="1"/>
    <col min="9247" max="9247" width="10.90625" style="1" customWidth="1"/>
    <col min="9248" max="9248" width="11.453125" style="1" bestFit="1" customWidth="1"/>
    <col min="9249" max="9258" width="11.453125" style="1" customWidth="1"/>
    <col min="9259" max="9261" width="11.26953125" style="1" customWidth="1"/>
    <col min="9262" max="9262" width="4.36328125" style="1" customWidth="1"/>
    <col min="9263" max="9263" width="10.6328125" style="1" customWidth="1"/>
    <col min="9264" max="9266" width="11.26953125" style="1" customWidth="1"/>
    <col min="9267" max="9267" width="12.453125" style="1" customWidth="1"/>
    <col min="9268" max="9272" width="11.26953125" style="1" customWidth="1"/>
    <col min="9273" max="9273" width="12.453125" style="1" customWidth="1"/>
    <col min="9274" max="9274" width="4.453125" style="1" bestFit="1" customWidth="1"/>
    <col min="9275" max="9472" width="9" style="1"/>
    <col min="9473" max="9473" width="4.453125" style="1" customWidth="1"/>
    <col min="9474" max="9474" width="9.453125" style="1" customWidth="1"/>
    <col min="9475" max="9475" width="10.453125" style="1" bestFit="1" customWidth="1"/>
    <col min="9476" max="9476" width="11.26953125" style="1" customWidth="1"/>
    <col min="9477" max="9477" width="9" style="1"/>
    <col min="9478" max="9480" width="11.26953125" style="1" customWidth="1"/>
    <col min="9481" max="9481" width="9" style="1"/>
    <col min="9482" max="9484" width="8.7265625" style="1" bestFit="1" customWidth="1"/>
    <col min="9485" max="9485" width="9" style="1"/>
    <col min="9486" max="9489" width="11.26953125" style="1" customWidth="1"/>
    <col min="9490" max="9490" width="9" style="1"/>
    <col min="9491" max="9491" width="11.26953125" style="1" customWidth="1"/>
    <col min="9492" max="9492" width="9" style="1"/>
    <col min="9493" max="9496" width="11.26953125" style="1" customWidth="1"/>
    <col min="9497" max="9497" width="4.36328125" style="1" customWidth="1"/>
    <col min="9498" max="9498" width="10.6328125" style="1" customWidth="1"/>
    <col min="9499" max="9501" width="11.453125" style="1" customWidth="1"/>
    <col min="9502" max="9502" width="11.453125" style="1" bestFit="1" customWidth="1"/>
    <col min="9503" max="9503" width="10.90625" style="1" customWidth="1"/>
    <col min="9504" max="9504" width="11.453125" style="1" bestFit="1" customWidth="1"/>
    <col min="9505" max="9514" width="11.453125" style="1" customWidth="1"/>
    <col min="9515" max="9517" width="11.26953125" style="1" customWidth="1"/>
    <col min="9518" max="9518" width="4.36328125" style="1" customWidth="1"/>
    <col min="9519" max="9519" width="10.6328125" style="1" customWidth="1"/>
    <col min="9520" max="9522" width="11.26953125" style="1" customWidth="1"/>
    <col min="9523" max="9523" width="12.453125" style="1" customWidth="1"/>
    <col min="9524" max="9528" width="11.26953125" style="1" customWidth="1"/>
    <col min="9529" max="9529" width="12.453125" style="1" customWidth="1"/>
    <col min="9530" max="9530" width="4.453125" style="1" bestFit="1" customWidth="1"/>
    <col min="9531" max="9728" width="9" style="1"/>
    <col min="9729" max="9729" width="4.453125" style="1" customWidth="1"/>
    <col min="9730" max="9730" width="9.453125" style="1" customWidth="1"/>
    <col min="9731" max="9731" width="10.453125" style="1" bestFit="1" customWidth="1"/>
    <col min="9732" max="9732" width="11.26953125" style="1" customWidth="1"/>
    <col min="9733" max="9733" width="9" style="1"/>
    <col min="9734" max="9736" width="11.26953125" style="1" customWidth="1"/>
    <col min="9737" max="9737" width="9" style="1"/>
    <col min="9738" max="9740" width="8.7265625" style="1" bestFit="1" customWidth="1"/>
    <col min="9741" max="9741" width="9" style="1"/>
    <col min="9742" max="9745" width="11.26953125" style="1" customWidth="1"/>
    <col min="9746" max="9746" width="9" style="1"/>
    <col min="9747" max="9747" width="11.26953125" style="1" customWidth="1"/>
    <col min="9748" max="9748" width="9" style="1"/>
    <col min="9749" max="9752" width="11.26953125" style="1" customWidth="1"/>
    <col min="9753" max="9753" width="4.36328125" style="1" customWidth="1"/>
    <col min="9754" max="9754" width="10.6328125" style="1" customWidth="1"/>
    <col min="9755" max="9757" width="11.453125" style="1" customWidth="1"/>
    <col min="9758" max="9758" width="11.453125" style="1" bestFit="1" customWidth="1"/>
    <col min="9759" max="9759" width="10.90625" style="1" customWidth="1"/>
    <col min="9760" max="9760" width="11.453125" style="1" bestFit="1" customWidth="1"/>
    <col min="9761" max="9770" width="11.453125" style="1" customWidth="1"/>
    <col min="9771" max="9773" width="11.26953125" style="1" customWidth="1"/>
    <col min="9774" max="9774" width="4.36328125" style="1" customWidth="1"/>
    <col min="9775" max="9775" width="10.6328125" style="1" customWidth="1"/>
    <col min="9776" max="9778" width="11.26953125" style="1" customWidth="1"/>
    <col min="9779" max="9779" width="12.453125" style="1" customWidth="1"/>
    <col min="9780" max="9784" width="11.26953125" style="1" customWidth="1"/>
    <col min="9785" max="9785" width="12.453125" style="1" customWidth="1"/>
    <col min="9786" max="9786" width="4.453125" style="1" bestFit="1" customWidth="1"/>
    <col min="9787" max="9984" width="9" style="1"/>
    <col min="9985" max="9985" width="4.453125" style="1" customWidth="1"/>
    <col min="9986" max="9986" width="9.453125" style="1" customWidth="1"/>
    <col min="9987" max="9987" width="10.453125" style="1" bestFit="1" customWidth="1"/>
    <col min="9988" max="9988" width="11.26953125" style="1" customWidth="1"/>
    <col min="9989" max="9989" width="9" style="1"/>
    <col min="9990" max="9992" width="11.26953125" style="1" customWidth="1"/>
    <col min="9993" max="9993" width="9" style="1"/>
    <col min="9994" max="9996" width="8.7265625" style="1" bestFit="1" customWidth="1"/>
    <col min="9997" max="9997" width="9" style="1"/>
    <col min="9998" max="10001" width="11.26953125" style="1" customWidth="1"/>
    <col min="10002" max="10002" width="9" style="1"/>
    <col min="10003" max="10003" width="11.26953125" style="1" customWidth="1"/>
    <col min="10004" max="10004" width="9" style="1"/>
    <col min="10005" max="10008" width="11.26953125" style="1" customWidth="1"/>
    <col min="10009" max="10009" width="4.36328125" style="1" customWidth="1"/>
    <col min="10010" max="10010" width="10.6328125" style="1" customWidth="1"/>
    <col min="10011" max="10013" width="11.453125" style="1" customWidth="1"/>
    <col min="10014" max="10014" width="11.453125" style="1" bestFit="1" customWidth="1"/>
    <col min="10015" max="10015" width="10.90625" style="1" customWidth="1"/>
    <col min="10016" max="10016" width="11.453125" style="1" bestFit="1" customWidth="1"/>
    <col min="10017" max="10026" width="11.453125" style="1" customWidth="1"/>
    <col min="10027" max="10029" width="11.26953125" style="1" customWidth="1"/>
    <col min="10030" max="10030" width="4.36328125" style="1" customWidth="1"/>
    <col min="10031" max="10031" width="10.6328125" style="1" customWidth="1"/>
    <col min="10032" max="10034" width="11.26953125" style="1" customWidth="1"/>
    <col min="10035" max="10035" width="12.453125" style="1" customWidth="1"/>
    <col min="10036" max="10040" width="11.26953125" style="1" customWidth="1"/>
    <col min="10041" max="10041" width="12.453125" style="1" customWidth="1"/>
    <col min="10042" max="10042" width="4.453125" style="1" bestFit="1" customWidth="1"/>
    <col min="10043" max="10240" width="9" style="1"/>
    <col min="10241" max="10241" width="4.453125" style="1" customWidth="1"/>
    <col min="10242" max="10242" width="9.453125" style="1" customWidth="1"/>
    <col min="10243" max="10243" width="10.453125" style="1" bestFit="1" customWidth="1"/>
    <col min="10244" max="10244" width="11.26953125" style="1" customWidth="1"/>
    <col min="10245" max="10245" width="9" style="1"/>
    <col min="10246" max="10248" width="11.26953125" style="1" customWidth="1"/>
    <col min="10249" max="10249" width="9" style="1"/>
    <col min="10250" max="10252" width="8.7265625" style="1" bestFit="1" customWidth="1"/>
    <col min="10253" max="10253" width="9" style="1"/>
    <col min="10254" max="10257" width="11.26953125" style="1" customWidth="1"/>
    <col min="10258" max="10258" width="9" style="1"/>
    <col min="10259" max="10259" width="11.26953125" style="1" customWidth="1"/>
    <col min="10260" max="10260" width="9" style="1"/>
    <col min="10261" max="10264" width="11.26953125" style="1" customWidth="1"/>
    <col min="10265" max="10265" width="4.36328125" style="1" customWidth="1"/>
    <col min="10266" max="10266" width="10.6328125" style="1" customWidth="1"/>
    <col min="10267" max="10269" width="11.453125" style="1" customWidth="1"/>
    <col min="10270" max="10270" width="11.453125" style="1" bestFit="1" customWidth="1"/>
    <col min="10271" max="10271" width="10.90625" style="1" customWidth="1"/>
    <col min="10272" max="10272" width="11.453125" style="1" bestFit="1" customWidth="1"/>
    <col min="10273" max="10282" width="11.453125" style="1" customWidth="1"/>
    <col min="10283" max="10285" width="11.26953125" style="1" customWidth="1"/>
    <col min="10286" max="10286" width="4.36328125" style="1" customWidth="1"/>
    <col min="10287" max="10287" width="10.6328125" style="1" customWidth="1"/>
    <col min="10288" max="10290" width="11.26953125" style="1" customWidth="1"/>
    <col min="10291" max="10291" width="12.453125" style="1" customWidth="1"/>
    <col min="10292" max="10296" width="11.26953125" style="1" customWidth="1"/>
    <col min="10297" max="10297" width="12.453125" style="1" customWidth="1"/>
    <col min="10298" max="10298" width="4.453125" style="1" bestFit="1" customWidth="1"/>
    <col min="10299" max="10496" width="9" style="1"/>
    <col min="10497" max="10497" width="4.453125" style="1" customWidth="1"/>
    <col min="10498" max="10498" width="9.453125" style="1" customWidth="1"/>
    <col min="10499" max="10499" width="10.453125" style="1" bestFit="1" customWidth="1"/>
    <col min="10500" max="10500" width="11.26953125" style="1" customWidth="1"/>
    <col min="10501" max="10501" width="9" style="1"/>
    <col min="10502" max="10504" width="11.26953125" style="1" customWidth="1"/>
    <col min="10505" max="10505" width="9" style="1"/>
    <col min="10506" max="10508" width="8.7265625" style="1" bestFit="1" customWidth="1"/>
    <col min="10509" max="10509" width="9" style="1"/>
    <col min="10510" max="10513" width="11.26953125" style="1" customWidth="1"/>
    <col min="10514" max="10514" width="9" style="1"/>
    <col min="10515" max="10515" width="11.26953125" style="1" customWidth="1"/>
    <col min="10516" max="10516" width="9" style="1"/>
    <col min="10517" max="10520" width="11.26953125" style="1" customWidth="1"/>
    <col min="10521" max="10521" width="4.36328125" style="1" customWidth="1"/>
    <col min="10522" max="10522" width="10.6328125" style="1" customWidth="1"/>
    <col min="10523" max="10525" width="11.453125" style="1" customWidth="1"/>
    <col min="10526" max="10526" width="11.453125" style="1" bestFit="1" customWidth="1"/>
    <col min="10527" max="10527" width="10.90625" style="1" customWidth="1"/>
    <col min="10528" max="10528" width="11.453125" style="1" bestFit="1" customWidth="1"/>
    <col min="10529" max="10538" width="11.453125" style="1" customWidth="1"/>
    <col min="10539" max="10541" width="11.26953125" style="1" customWidth="1"/>
    <col min="10542" max="10542" width="4.36328125" style="1" customWidth="1"/>
    <col min="10543" max="10543" width="10.6328125" style="1" customWidth="1"/>
    <col min="10544" max="10546" width="11.26953125" style="1" customWidth="1"/>
    <col min="10547" max="10547" width="12.453125" style="1" customWidth="1"/>
    <col min="10548" max="10552" width="11.26953125" style="1" customWidth="1"/>
    <col min="10553" max="10553" width="12.453125" style="1" customWidth="1"/>
    <col min="10554" max="10554" width="4.453125" style="1" bestFit="1" customWidth="1"/>
    <col min="10555" max="10752" width="9" style="1"/>
    <col min="10753" max="10753" width="4.453125" style="1" customWidth="1"/>
    <col min="10754" max="10754" width="9.453125" style="1" customWidth="1"/>
    <col min="10755" max="10755" width="10.453125" style="1" bestFit="1" customWidth="1"/>
    <col min="10756" max="10756" width="11.26953125" style="1" customWidth="1"/>
    <col min="10757" max="10757" width="9" style="1"/>
    <col min="10758" max="10760" width="11.26953125" style="1" customWidth="1"/>
    <col min="10761" max="10761" width="9" style="1"/>
    <col min="10762" max="10764" width="8.7265625" style="1" bestFit="1" customWidth="1"/>
    <col min="10765" max="10765" width="9" style="1"/>
    <col min="10766" max="10769" width="11.26953125" style="1" customWidth="1"/>
    <col min="10770" max="10770" width="9" style="1"/>
    <col min="10771" max="10771" width="11.26953125" style="1" customWidth="1"/>
    <col min="10772" max="10772" width="9" style="1"/>
    <col min="10773" max="10776" width="11.26953125" style="1" customWidth="1"/>
    <col min="10777" max="10777" width="4.36328125" style="1" customWidth="1"/>
    <col min="10778" max="10778" width="10.6328125" style="1" customWidth="1"/>
    <col min="10779" max="10781" width="11.453125" style="1" customWidth="1"/>
    <col min="10782" max="10782" width="11.453125" style="1" bestFit="1" customWidth="1"/>
    <col min="10783" max="10783" width="10.90625" style="1" customWidth="1"/>
    <col min="10784" max="10784" width="11.453125" style="1" bestFit="1" customWidth="1"/>
    <col min="10785" max="10794" width="11.453125" style="1" customWidth="1"/>
    <col min="10795" max="10797" width="11.26953125" style="1" customWidth="1"/>
    <col min="10798" max="10798" width="4.36328125" style="1" customWidth="1"/>
    <col min="10799" max="10799" width="10.6328125" style="1" customWidth="1"/>
    <col min="10800" max="10802" width="11.26953125" style="1" customWidth="1"/>
    <col min="10803" max="10803" width="12.453125" style="1" customWidth="1"/>
    <col min="10804" max="10808" width="11.26953125" style="1" customWidth="1"/>
    <col min="10809" max="10809" width="12.453125" style="1" customWidth="1"/>
    <col min="10810" max="10810" width="4.453125" style="1" bestFit="1" customWidth="1"/>
    <col min="10811" max="11008" width="9" style="1"/>
    <col min="11009" max="11009" width="4.453125" style="1" customWidth="1"/>
    <col min="11010" max="11010" width="9.453125" style="1" customWidth="1"/>
    <col min="11011" max="11011" width="10.453125" style="1" bestFit="1" customWidth="1"/>
    <col min="11012" max="11012" width="11.26953125" style="1" customWidth="1"/>
    <col min="11013" max="11013" width="9" style="1"/>
    <col min="11014" max="11016" width="11.26953125" style="1" customWidth="1"/>
    <col min="11017" max="11017" width="9" style="1"/>
    <col min="11018" max="11020" width="8.7265625" style="1" bestFit="1" customWidth="1"/>
    <col min="11021" max="11021" width="9" style="1"/>
    <col min="11022" max="11025" width="11.26953125" style="1" customWidth="1"/>
    <col min="11026" max="11026" width="9" style="1"/>
    <col min="11027" max="11027" width="11.26953125" style="1" customWidth="1"/>
    <col min="11028" max="11028" width="9" style="1"/>
    <col min="11029" max="11032" width="11.26953125" style="1" customWidth="1"/>
    <col min="11033" max="11033" width="4.36328125" style="1" customWidth="1"/>
    <col min="11034" max="11034" width="10.6328125" style="1" customWidth="1"/>
    <col min="11035" max="11037" width="11.453125" style="1" customWidth="1"/>
    <col min="11038" max="11038" width="11.453125" style="1" bestFit="1" customWidth="1"/>
    <col min="11039" max="11039" width="10.90625" style="1" customWidth="1"/>
    <col min="11040" max="11040" width="11.453125" style="1" bestFit="1" customWidth="1"/>
    <col min="11041" max="11050" width="11.453125" style="1" customWidth="1"/>
    <col min="11051" max="11053" width="11.26953125" style="1" customWidth="1"/>
    <col min="11054" max="11054" width="4.36328125" style="1" customWidth="1"/>
    <col min="11055" max="11055" width="10.6328125" style="1" customWidth="1"/>
    <col min="11056" max="11058" width="11.26953125" style="1" customWidth="1"/>
    <col min="11059" max="11059" width="12.453125" style="1" customWidth="1"/>
    <col min="11060" max="11064" width="11.26953125" style="1" customWidth="1"/>
    <col min="11065" max="11065" width="12.453125" style="1" customWidth="1"/>
    <col min="11066" max="11066" width="4.453125" style="1" bestFit="1" customWidth="1"/>
    <col min="11067" max="11264" width="9" style="1"/>
    <col min="11265" max="11265" width="4.453125" style="1" customWidth="1"/>
    <col min="11266" max="11266" width="9.453125" style="1" customWidth="1"/>
    <col min="11267" max="11267" width="10.453125" style="1" bestFit="1" customWidth="1"/>
    <col min="11268" max="11268" width="11.26953125" style="1" customWidth="1"/>
    <col min="11269" max="11269" width="9" style="1"/>
    <col min="11270" max="11272" width="11.26953125" style="1" customWidth="1"/>
    <col min="11273" max="11273" width="9" style="1"/>
    <col min="11274" max="11276" width="8.7265625" style="1" bestFit="1" customWidth="1"/>
    <col min="11277" max="11277" width="9" style="1"/>
    <col min="11278" max="11281" width="11.26953125" style="1" customWidth="1"/>
    <col min="11282" max="11282" width="9" style="1"/>
    <col min="11283" max="11283" width="11.26953125" style="1" customWidth="1"/>
    <col min="11284" max="11284" width="9" style="1"/>
    <col min="11285" max="11288" width="11.26953125" style="1" customWidth="1"/>
    <col min="11289" max="11289" width="4.36328125" style="1" customWidth="1"/>
    <col min="11290" max="11290" width="10.6328125" style="1" customWidth="1"/>
    <col min="11291" max="11293" width="11.453125" style="1" customWidth="1"/>
    <col min="11294" max="11294" width="11.453125" style="1" bestFit="1" customWidth="1"/>
    <col min="11295" max="11295" width="10.90625" style="1" customWidth="1"/>
    <col min="11296" max="11296" width="11.453125" style="1" bestFit="1" customWidth="1"/>
    <col min="11297" max="11306" width="11.453125" style="1" customWidth="1"/>
    <col min="11307" max="11309" width="11.26953125" style="1" customWidth="1"/>
    <col min="11310" max="11310" width="4.36328125" style="1" customWidth="1"/>
    <col min="11311" max="11311" width="10.6328125" style="1" customWidth="1"/>
    <col min="11312" max="11314" width="11.26953125" style="1" customWidth="1"/>
    <col min="11315" max="11315" width="12.453125" style="1" customWidth="1"/>
    <col min="11316" max="11320" width="11.26953125" style="1" customWidth="1"/>
    <col min="11321" max="11321" width="12.453125" style="1" customWidth="1"/>
    <col min="11322" max="11322" width="4.453125" style="1" bestFit="1" customWidth="1"/>
    <col min="11323" max="11520" width="9" style="1"/>
    <col min="11521" max="11521" width="4.453125" style="1" customWidth="1"/>
    <col min="11522" max="11522" width="9.453125" style="1" customWidth="1"/>
    <col min="11523" max="11523" width="10.453125" style="1" bestFit="1" customWidth="1"/>
    <col min="11524" max="11524" width="11.26953125" style="1" customWidth="1"/>
    <col min="11525" max="11525" width="9" style="1"/>
    <col min="11526" max="11528" width="11.26953125" style="1" customWidth="1"/>
    <col min="11529" max="11529" width="9" style="1"/>
    <col min="11530" max="11532" width="8.7265625" style="1" bestFit="1" customWidth="1"/>
    <col min="11533" max="11533" width="9" style="1"/>
    <col min="11534" max="11537" width="11.26953125" style="1" customWidth="1"/>
    <col min="11538" max="11538" width="9" style="1"/>
    <col min="11539" max="11539" width="11.26953125" style="1" customWidth="1"/>
    <col min="11540" max="11540" width="9" style="1"/>
    <col min="11541" max="11544" width="11.26953125" style="1" customWidth="1"/>
    <col min="11545" max="11545" width="4.36328125" style="1" customWidth="1"/>
    <col min="11546" max="11546" width="10.6328125" style="1" customWidth="1"/>
    <col min="11547" max="11549" width="11.453125" style="1" customWidth="1"/>
    <col min="11550" max="11550" width="11.453125" style="1" bestFit="1" customWidth="1"/>
    <col min="11551" max="11551" width="10.90625" style="1" customWidth="1"/>
    <col min="11552" max="11552" width="11.453125" style="1" bestFit="1" customWidth="1"/>
    <col min="11553" max="11562" width="11.453125" style="1" customWidth="1"/>
    <col min="11563" max="11565" width="11.26953125" style="1" customWidth="1"/>
    <col min="11566" max="11566" width="4.36328125" style="1" customWidth="1"/>
    <col min="11567" max="11567" width="10.6328125" style="1" customWidth="1"/>
    <col min="11568" max="11570" width="11.26953125" style="1" customWidth="1"/>
    <col min="11571" max="11571" width="12.453125" style="1" customWidth="1"/>
    <col min="11572" max="11576" width="11.26953125" style="1" customWidth="1"/>
    <col min="11577" max="11577" width="12.453125" style="1" customWidth="1"/>
    <col min="11578" max="11578" width="4.453125" style="1" bestFit="1" customWidth="1"/>
    <col min="11579" max="11776" width="9" style="1"/>
    <col min="11777" max="11777" width="4.453125" style="1" customWidth="1"/>
    <col min="11778" max="11778" width="9.453125" style="1" customWidth="1"/>
    <col min="11779" max="11779" width="10.453125" style="1" bestFit="1" customWidth="1"/>
    <col min="11780" max="11780" width="11.26953125" style="1" customWidth="1"/>
    <col min="11781" max="11781" width="9" style="1"/>
    <col min="11782" max="11784" width="11.26953125" style="1" customWidth="1"/>
    <col min="11785" max="11785" width="9" style="1"/>
    <col min="11786" max="11788" width="8.7265625" style="1" bestFit="1" customWidth="1"/>
    <col min="11789" max="11789" width="9" style="1"/>
    <col min="11790" max="11793" width="11.26953125" style="1" customWidth="1"/>
    <col min="11794" max="11794" width="9" style="1"/>
    <col min="11795" max="11795" width="11.26953125" style="1" customWidth="1"/>
    <col min="11796" max="11796" width="9" style="1"/>
    <col min="11797" max="11800" width="11.26953125" style="1" customWidth="1"/>
    <col min="11801" max="11801" width="4.36328125" style="1" customWidth="1"/>
    <col min="11802" max="11802" width="10.6328125" style="1" customWidth="1"/>
    <col min="11803" max="11805" width="11.453125" style="1" customWidth="1"/>
    <col min="11806" max="11806" width="11.453125" style="1" bestFit="1" customWidth="1"/>
    <col min="11807" max="11807" width="10.90625" style="1" customWidth="1"/>
    <col min="11808" max="11808" width="11.453125" style="1" bestFit="1" customWidth="1"/>
    <col min="11809" max="11818" width="11.453125" style="1" customWidth="1"/>
    <col min="11819" max="11821" width="11.26953125" style="1" customWidth="1"/>
    <col min="11822" max="11822" width="4.36328125" style="1" customWidth="1"/>
    <col min="11823" max="11823" width="10.6328125" style="1" customWidth="1"/>
    <col min="11824" max="11826" width="11.26953125" style="1" customWidth="1"/>
    <col min="11827" max="11827" width="12.453125" style="1" customWidth="1"/>
    <col min="11828" max="11832" width="11.26953125" style="1" customWidth="1"/>
    <col min="11833" max="11833" width="12.453125" style="1" customWidth="1"/>
    <col min="11834" max="11834" width="4.453125" style="1" bestFit="1" customWidth="1"/>
    <col min="11835" max="12032" width="9" style="1"/>
    <col min="12033" max="12033" width="4.453125" style="1" customWidth="1"/>
    <col min="12034" max="12034" width="9.453125" style="1" customWidth="1"/>
    <col min="12035" max="12035" width="10.453125" style="1" bestFit="1" customWidth="1"/>
    <col min="12036" max="12036" width="11.26953125" style="1" customWidth="1"/>
    <col min="12037" max="12037" width="9" style="1"/>
    <col min="12038" max="12040" width="11.26953125" style="1" customWidth="1"/>
    <col min="12041" max="12041" width="9" style="1"/>
    <col min="12042" max="12044" width="8.7265625" style="1" bestFit="1" customWidth="1"/>
    <col min="12045" max="12045" width="9" style="1"/>
    <col min="12046" max="12049" width="11.26953125" style="1" customWidth="1"/>
    <col min="12050" max="12050" width="9" style="1"/>
    <col min="12051" max="12051" width="11.26953125" style="1" customWidth="1"/>
    <col min="12052" max="12052" width="9" style="1"/>
    <col min="12053" max="12056" width="11.26953125" style="1" customWidth="1"/>
    <col min="12057" max="12057" width="4.36328125" style="1" customWidth="1"/>
    <col min="12058" max="12058" width="10.6328125" style="1" customWidth="1"/>
    <col min="12059" max="12061" width="11.453125" style="1" customWidth="1"/>
    <col min="12062" max="12062" width="11.453125" style="1" bestFit="1" customWidth="1"/>
    <col min="12063" max="12063" width="10.90625" style="1" customWidth="1"/>
    <col min="12064" max="12064" width="11.453125" style="1" bestFit="1" customWidth="1"/>
    <col min="12065" max="12074" width="11.453125" style="1" customWidth="1"/>
    <col min="12075" max="12077" width="11.26953125" style="1" customWidth="1"/>
    <col min="12078" max="12078" width="4.36328125" style="1" customWidth="1"/>
    <col min="12079" max="12079" width="10.6328125" style="1" customWidth="1"/>
    <col min="12080" max="12082" width="11.26953125" style="1" customWidth="1"/>
    <col min="12083" max="12083" width="12.453125" style="1" customWidth="1"/>
    <col min="12084" max="12088" width="11.26953125" style="1" customWidth="1"/>
    <col min="12089" max="12089" width="12.453125" style="1" customWidth="1"/>
    <col min="12090" max="12090" width="4.453125" style="1" bestFit="1" customWidth="1"/>
    <col min="12091" max="12288" width="9" style="1"/>
    <col min="12289" max="12289" width="4.453125" style="1" customWidth="1"/>
    <col min="12290" max="12290" width="9.453125" style="1" customWidth="1"/>
    <col min="12291" max="12291" width="10.453125" style="1" bestFit="1" customWidth="1"/>
    <col min="12292" max="12292" width="11.26953125" style="1" customWidth="1"/>
    <col min="12293" max="12293" width="9" style="1"/>
    <col min="12294" max="12296" width="11.26953125" style="1" customWidth="1"/>
    <col min="12297" max="12297" width="9" style="1"/>
    <col min="12298" max="12300" width="8.7265625" style="1" bestFit="1" customWidth="1"/>
    <col min="12301" max="12301" width="9" style="1"/>
    <col min="12302" max="12305" width="11.26953125" style="1" customWidth="1"/>
    <col min="12306" max="12306" width="9" style="1"/>
    <col min="12307" max="12307" width="11.26953125" style="1" customWidth="1"/>
    <col min="12308" max="12308" width="9" style="1"/>
    <col min="12309" max="12312" width="11.26953125" style="1" customWidth="1"/>
    <col min="12313" max="12313" width="4.36328125" style="1" customWidth="1"/>
    <col min="12314" max="12314" width="10.6328125" style="1" customWidth="1"/>
    <col min="12315" max="12317" width="11.453125" style="1" customWidth="1"/>
    <col min="12318" max="12318" width="11.453125" style="1" bestFit="1" customWidth="1"/>
    <col min="12319" max="12319" width="10.90625" style="1" customWidth="1"/>
    <col min="12320" max="12320" width="11.453125" style="1" bestFit="1" customWidth="1"/>
    <col min="12321" max="12330" width="11.453125" style="1" customWidth="1"/>
    <col min="12331" max="12333" width="11.26953125" style="1" customWidth="1"/>
    <col min="12334" max="12334" width="4.36328125" style="1" customWidth="1"/>
    <col min="12335" max="12335" width="10.6328125" style="1" customWidth="1"/>
    <col min="12336" max="12338" width="11.26953125" style="1" customWidth="1"/>
    <col min="12339" max="12339" width="12.453125" style="1" customWidth="1"/>
    <col min="12340" max="12344" width="11.26953125" style="1" customWidth="1"/>
    <col min="12345" max="12345" width="12.453125" style="1" customWidth="1"/>
    <col min="12346" max="12346" width="4.453125" style="1" bestFit="1" customWidth="1"/>
    <col min="12347" max="12544" width="9" style="1"/>
    <col min="12545" max="12545" width="4.453125" style="1" customWidth="1"/>
    <col min="12546" max="12546" width="9.453125" style="1" customWidth="1"/>
    <col min="12547" max="12547" width="10.453125" style="1" bestFit="1" customWidth="1"/>
    <col min="12548" max="12548" width="11.26953125" style="1" customWidth="1"/>
    <col min="12549" max="12549" width="9" style="1"/>
    <col min="12550" max="12552" width="11.26953125" style="1" customWidth="1"/>
    <col min="12553" max="12553" width="9" style="1"/>
    <col min="12554" max="12556" width="8.7265625" style="1" bestFit="1" customWidth="1"/>
    <col min="12557" max="12557" width="9" style="1"/>
    <col min="12558" max="12561" width="11.26953125" style="1" customWidth="1"/>
    <col min="12562" max="12562" width="9" style="1"/>
    <col min="12563" max="12563" width="11.26953125" style="1" customWidth="1"/>
    <col min="12564" max="12564" width="9" style="1"/>
    <col min="12565" max="12568" width="11.26953125" style="1" customWidth="1"/>
    <col min="12569" max="12569" width="4.36328125" style="1" customWidth="1"/>
    <col min="12570" max="12570" width="10.6328125" style="1" customWidth="1"/>
    <col min="12571" max="12573" width="11.453125" style="1" customWidth="1"/>
    <col min="12574" max="12574" width="11.453125" style="1" bestFit="1" customWidth="1"/>
    <col min="12575" max="12575" width="10.90625" style="1" customWidth="1"/>
    <col min="12576" max="12576" width="11.453125" style="1" bestFit="1" customWidth="1"/>
    <col min="12577" max="12586" width="11.453125" style="1" customWidth="1"/>
    <col min="12587" max="12589" width="11.26953125" style="1" customWidth="1"/>
    <col min="12590" max="12590" width="4.36328125" style="1" customWidth="1"/>
    <col min="12591" max="12591" width="10.6328125" style="1" customWidth="1"/>
    <col min="12592" max="12594" width="11.26953125" style="1" customWidth="1"/>
    <col min="12595" max="12595" width="12.453125" style="1" customWidth="1"/>
    <col min="12596" max="12600" width="11.26953125" style="1" customWidth="1"/>
    <col min="12601" max="12601" width="12.453125" style="1" customWidth="1"/>
    <col min="12602" max="12602" width="4.453125" style="1" bestFit="1" customWidth="1"/>
    <col min="12603" max="12800" width="9" style="1"/>
    <col min="12801" max="12801" width="4.453125" style="1" customWidth="1"/>
    <col min="12802" max="12802" width="9.453125" style="1" customWidth="1"/>
    <col min="12803" max="12803" width="10.453125" style="1" bestFit="1" customWidth="1"/>
    <col min="12804" max="12804" width="11.26953125" style="1" customWidth="1"/>
    <col min="12805" max="12805" width="9" style="1"/>
    <col min="12806" max="12808" width="11.26953125" style="1" customWidth="1"/>
    <col min="12809" max="12809" width="9" style="1"/>
    <col min="12810" max="12812" width="8.7265625" style="1" bestFit="1" customWidth="1"/>
    <col min="12813" max="12813" width="9" style="1"/>
    <col min="12814" max="12817" width="11.26953125" style="1" customWidth="1"/>
    <col min="12818" max="12818" width="9" style="1"/>
    <col min="12819" max="12819" width="11.26953125" style="1" customWidth="1"/>
    <col min="12820" max="12820" width="9" style="1"/>
    <col min="12821" max="12824" width="11.26953125" style="1" customWidth="1"/>
    <col min="12825" max="12825" width="4.36328125" style="1" customWidth="1"/>
    <col min="12826" max="12826" width="10.6328125" style="1" customWidth="1"/>
    <col min="12827" max="12829" width="11.453125" style="1" customWidth="1"/>
    <col min="12830" max="12830" width="11.453125" style="1" bestFit="1" customWidth="1"/>
    <col min="12831" max="12831" width="10.90625" style="1" customWidth="1"/>
    <col min="12832" max="12832" width="11.453125" style="1" bestFit="1" customWidth="1"/>
    <col min="12833" max="12842" width="11.453125" style="1" customWidth="1"/>
    <col min="12843" max="12845" width="11.26953125" style="1" customWidth="1"/>
    <col min="12846" max="12846" width="4.36328125" style="1" customWidth="1"/>
    <col min="12847" max="12847" width="10.6328125" style="1" customWidth="1"/>
    <col min="12848" max="12850" width="11.26953125" style="1" customWidth="1"/>
    <col min="12851" max="12851" width="12.453125" style="1" customWidth="1"/>
    <col min="12852" max="12856" width="11.26953125" style="1" customWidth="1"/>
    <col min="12857" max="12857" width="12.453125" style="1" customWidth="1"/>
    <col min="12858" max="12858" width="4.453125" style="1" bestFit="1" customWidth="1"/>
    <col min="12859" max="13056" width="9" style="1"/>
    <col min="13057" max="13057" width="4.453125" style="1" customWidth="1"/>
    <col min="13058" max="13058" width="9.453125" style="1" customWidth="1"/>
    <col min="13059" max="13059" width="10.453125" style="1" bestFit="1" customWidth="1"/>
    <col min="13060" max="13060" width="11.26953125" style="1" customWidth="1"/>
    <col min="13061" max="13061" width="9" style="1"/>
    <col min="13062" max="13064" width="11.26953125" style="1" customWidth="1"/>
    <col min="13065" max="13065" width="9" style="1"/>
    <col min="13066" max="13068" width="8.7265625" style="1" bestFit="1" customWidth="1"/>
    <col min="13069" max="13069" width="9" style="1"/>
    <col min="13070" max="13073" width="11.26953125" style="1" customWidth="1"/>
    <col min="13074" max="13074" width="9" style="1"/>
    <col min="13075" max="13075" width="11.26953125" style="1" customWidth="1"/>
    <col min="13076" max="13076" width="9" style="1"/>
    <col min="13077" max="13080" width="11.26953125" style="1" customWidth="1"/>
    <col min="13081" max="13081" width="4.36328125" style="1" customWidth="1"/>
    <col min="13082" max="13082" width="10.6328125" style="1" customWidth="1"/>
    <col min="13083" max="13085" width="11.453125" style="1" customWidth="1"/>
    <col min="13086" max="13086" width="11.453125" style="1" bestFit="1" customWidth="1"/>
    <col min="13087" max="13087" width="10.90625" style="1" customWidth="1"/>
    <col min="13088" max="13088" width="11.453125" style="1" bestFit="1" customWidth="1"/>
    <col min="13089" max="13098" width="11.453125" style="1" customWidth="1"/>
    <col min="13099" max="13101" width="11.26953125" style="1" customWidth="1"/>
    <col min="13102" max="13102" width="4.36328125" style="1" customWidth="1"/>
    <col min="13103" max="13103" width="10.6328125" style="1" customWidth="1"/>
    <col min="13104" max="13106" width="11.26953125" style="1" customWidth="1"/>
    <col min="13107" max="13107" width="12.453125" style="1" customWidth="1"/>
    <col min="13108" max="13112" width="11.26953125" style="1" customWidth="1"/>
    <col min="13113" max="13113" width="12.453125" style="1" customWidth="1"/>
    <col min="13114" max="13114" width="4.453125" style="1" bestFit="1" customWidth="1"/>
    <col min="13115" max="13312" width="9" style="1"/>
    <col min="13313" max="13313" width="4.453125" style="1" customWidth="1"/>
    <col min="13314" max="13314" width="9.453125" style="1" customWidth="1"/>
    <col min="13315" max="13315" width="10.453125" style="1" bestFit="1" customWidth="1"/>
    <col min="13316" max="13316" width="11.26953125" style="1" customWidth="1"/>
    <col min="13317" max="13317" width="9" style="1"/>
    <col min="13318" max="13320" width="11.26953125" style="1" customWidth="1"/>
    <col min="13321" max="13321" width="9" style="1"/>
    <col min="13322" max="13324" width="8.7265625" style="1" bestFit="1" customWidth="1"/>
    <col min="13325" max="13325" width="9" style="1"/>
    <col min="13326" max="13329" width="11.26953125" style="1" customWidth="1"/>
    <col min="13330" max="13330" width="9" style="1"/>
    <col min="13331" max="13331" width="11.26953125" style="1" customWidth="1"/>
    <col min="13332" max="13332" width="9" style="1"/>
    <col min="13333" max="13336" width="11.26953125" style="1" customWidth="1"/>
    <col min="13337" max="13337" width="4.36328125" style="1" customWidth="1"/>
    <col min="13338" max="13338" width="10.6328125" style="1" customWidth="1"/>
    <col min="13339" max="13341" width="11.453125" style="1" customWidth="1"/>
    <col min="13342" max="13342" width="11.453125" style="1" bestFit="1" customWidth="1"/>
    <col min="13343" max="13343" width="10.90625" style="1" customWidth="1"/>
    <col min="13344" max="13344" width="11.453125" style="1" bestFit="1" customWidth="1"/>
    <col min="13345" max="13354" width="11.453125" style="1" customWidth="1"/>
    <col min="13355" max="13357" width="11.26953125" style="1" customWidth="1"/>
    <col min="13358" max="13358" width="4.36328125" style="1" customWidth="1"/>
    <col min="13359" max="13359" width="10.6328125" style="1" customWidth="1"/>
    <col min="13360" max="13362" width="11.26953125" style="1" customWidth="1"/>
    <col min="13363" max="13363" width="12.453125" style="1" customWidth="1"/>
    <col min="13364" max="13368" width="11.26953125" style="1" customWidth="1"/>
    <col min="13369" max="13369" width="12.453125" style="1" customWidth="1"/>
    <col min="13370" max="13370" width="4.453125" style="1" bestFit="1" customWidth="1"/>
    <col min="13371" max="13568" width="9" style="1"/>
    <col min="13569" max="13569" width="4.453125" style="1" customWidth="1"/>
    <col min="13570" max="13570" width="9.453125" style="1" customWidth="1"/>
    <col min="13571" max="13571" width="10.453125" style="1" bestFit="1" customWidth="1"/>
    <col min="13572" max="13572" width="11.26953125" style="1" customWidth="1"/>
    <col min="13573" max="13573" width="9" style="1"/>
    <col min="13574" max="13576" width="11.26953125" style="1" customWidth="1"/>
    <col min="13577" max="13577" width="9" style="1"/>
    <col min="13578" max="13580" width="8.7265625" style="1" bestFit="1" customWidth="1"/>
    <col min="13581" max="13581" width="9" style="1"/>
    <col min="13582" max="13585" width="11.26953125" style="1" customWidth="1"/>
    <col min="13586" max="13586" width="9" style="1"/>
    <col min="13587" max="13587" width="11.26953125" style="1" customWidth="1"/>
    <col min="13588" max="13588" width="9" style="1"/>
    <col min="13589" max="13592" width="11.26953125" style="1" customWidth="1"/>
    <col min="13593" max="13593" width="4.36328125" style="1" customWidth="1"/>
    <col min="13594" max="13594" width="10.6328125" style="1" customWidth="1"/>
    <col min="13595" max="13597" width="11.453125" style="1" customWidth="1"/>
    <col min="13598" max="13598" width="11.453125" style="1" bestFit="1" customWidth="1"/>
    <col min="13599" max="13599" width="10.90625" style="1" customWidth="1"/>
    <col min="13600" max="13600" width="11.453125" style="1" bestFit="1" customWidth="1"/>
    <col min="13601" max="13610" width="11.453125" style="1" customWidth="1"/>
    <col min="13611" max="13613" width="11.26953125" style="1" customWidth="1"/>
    <col min="13614" max="13614" width="4.36328125" style="1" customWidth="1"/>
    <col min="13615" max="13615" width="10.6328125" style="1" customWidth="1"/>
    <col min="13616" max="13618" width="11.26953125" style="1" customWidth="1"/>
    <col min="13619" max="13619" width="12.453125" style="1" customWidth="1"/>
    <col min="13620" max="13624" width="11.26953125" style="1" customWidth="1"/>
    <col min="13625" max="13625" width="12.453125" style="1" customWidth="1"/>
    <col min="13626" max="13626" width="4.453125" style="1" bestFit="1" customWidth="1"/>
    <col min="13627" max="13824" width="9" style="1"/>
    <col min="13825" max="13825" width="4.453125" style="1" customWidth="1"/>
    <col min="13826" max="13826" width="9.453125" style="1" customWidth="1"/>
    <col min="13827" max="13827" width="10.453125" style="1" bestFit="1" customWidth="1"/>
    <col min="13828" max="13828" width="11.26953125" style="1" customWidth="1"/>
    <col min="13829" max="13829" width="9" style="1"/>
    <col min="13830" max="13832" width="11.26953125" style="1" customWidth="1"/>
    <col min="13833" max="13833" width="9" style="1"/>
    <col min="13834" max="13836" width="8.7265625" style="1" bestFit="1" customWidth="1"/>
    <col min="13837" max="13837" width="9" style="1"/>
    <col min="13838" max="13841" width="11.26953125" style="1" customWidth="1"/>
    <col min="13842" max="13842" width="9" style="1"/>
    <col min="13843" max="13843" width="11.26953125" style="1" customWidth="1"/>
    <col min="13844" max="13844" width="9" style="1"/>
    <col min="13845" max="13848" width="11.26953125" style="1" customWidth="1"/>
    <col min="13849" max="13849" width="4.36328125" style="1" customWidth="1"/>
    <col min="13850" max="13850" width="10.6328125" style="1" customWidth="1"/>
    <col min="13851" max="13853" width="11.453125" style="1" customWidth="1"/>
    <col min="13854" max="13854" width="11.453125" style="1" bestFit="1" customWidth="1"/>
    <col min="13855" max="13855" width="10.90625" style="1" customWidth="1"/>
    <col min="13856" max="13856" width="11.453125" style="1" bestFit="1" customWidth="1"/>
    <col min="13857" max="13866" width="11.453125" style="1" customWidth="1"/>
    <col min="13867" max="13869" width="11.26953125" style="1" customWidth="1"/>
    <col min="13870" max="13870" width="4.36328125" style="1" customWidth="1"/>
    <col min="13871" max="13871" width="10.6328125" style="1" customWidth="1"/>
    <col min="13872" max="13874" width="11.26953125" style="1" customWidth="1"/>
    <col min="13875" max="13875" width="12.453125" style="1" customWidth="1"/>
    <col min="13876" max="13880" width="11.26953125" style="1" customWidth="1"/>
    <col min="13881" max="13881" width="12.453125" style="1" customWidth="1"/>
    <col min="13882" max="13882" width="4.453125" style="1" bestFit="1" customWidth="1"/>
    <col min="13883" max="14080" width="9" style="1"/>
    <col min="14081" max="14081" width="4.453125" style="1" customWidth="1"/>
    <col min="14082" max="14082" width="9.453125" style="1" customWidth="1"/>
    <col min="14083" max="14083" width="10.453125" style="1" bestFit="1" customWidth="1"/>
    <col min="14084" max="14084" width="11.26953125" style="1" customWidth="1"/>
    <col min="14085" max="14085" width="9" style="1"/>
    <col min="14086" max="14088" width="11.26953125" style="1" customWidth="1"/>
    <col min="14089" max="14089" width="9" style="1"/>
    <col min="14090" max="14092" width="8.7265625" style="1" bestFit="1" customWidth="1"/>
    <col min="14093" max="14093" width="9" style="1"/>
    <col min="14094" max="14097" width="11.26953125" style="1" customWidth="1"/>
    <col min="14098" max="14098" width="9" style="1"/>
    <col min="14099" max="14099" width="11.26953125" style="1" customWidth="1"/>
    <col min="14100" max="14100" width="9" style="1"/>
    <col min="14101" max="14104" width="11.26953125" style="1" customWidth="1"/>
    <col min="14105" max="14105" width="4.36328125" style="1" customWidth="1"/>
    <col min="14106" max="14106" width="10.6328125" style="1" customWidth="1"/>
    <col min="14107" max="14109" width="11.453125" style="1" customWidth="1"/>
    <col min="14110" max="14110" width="11.453125" style="1" bestFit="1" customWidth="1"/>
    <col min="14111" max="14111" width="10.90625" style="1" customWidth="1"/>
    <col min="14112" max="14112" width="11.453125" style="1" bestFit="1" customWidth="1"/>
    <col min="14113" max="14122" width="11.453125" style="1" customWidth="1"/>
    <col min="14123" max="14125" width="11.26953125" style="1" customWidth="1"/>
    <col min="14126" max="14126" width="4.36328125" style="1" customWidth="1"/>
    <col min="14127" max="14127" width="10.6328125" style="1" customWidth="1"/>
    <col min="14128" max="14130" width="11.26953125" style="1" customWidth="1"/>
    <col min="14131" max="14131" width="12.453125" style="1" customWidth="1"/>
    <col min="14132" max="14136" width="11.26953125" style="1" customWidth="1"/>
    <col min="14137" max="14137" width="12.453125" style="1" customWidth="1"/>
    <col min="14138" max="14138" width="4.453125" style="1" bestFit="1" customWidth="1"/>
    <col min="14139" max="14336" width="9" style="1"/>
    <col min="14337" max="14337" width="4.453125" style="1" customWidth="1"/>
    <col min="14338" max="14338" width="9.453125" style="1" customWidth="1"/>
    <col min="14339" max="14339" width="10.453125" style="1" bestFit="1" customWidth="1"/>
    <col min="14340" max="14340" width="11.26953125" style="1" customWidth="1"/>
    <col min="14341" max="14341" width="9" style="1"/>
    <col min="14342" max="14344" width="11.26953125" style="1" customWidth="1"/>
    <col min="14345" max="14345" width="9" style="1"/>
    <col min="14346" max="14348" width="8.7265625" style="1" bestFit="1" customWidth="1"/>
    <col min="14349" max="14349" width="9" style="1"/>
    <col min="14350" max="14353" width="11.26953125" style="1" customWidth="1"/>
    <col min="14354" max="14354" width="9" style="1"/>
    <col min="14355" max="14355" width="11.26953125" style="1" customWidth="1"/>
    <col min="14356" max="14356" width="9" style="1"/>
    <col min="14357" max="14360" width="11.26953125" style="1" customWidth="1"/>
    <col min="14361" max="14361" width="4.36328125" style="1" customWidth="1"/>
    <col min="14362" max="14362" width="10.6328125" style="1" customWidth="1"/>
    <col min="14363" max="14365" width="11.453125" style="1" customWidth="1"/>
    <col min="14366" max="14366" width="11.453125" style="1" bestFit="1" customWidth="1"/>
    <col min="14367" max="14367" width="10.90625" style="1" customWidth="1"/>
    <col min="14368" max="14368" width="11.453125" style="1" bestFit="1" customWidth="1"/>
    <col min="14369" max="14378" width="11.453125" style="1" customWidth="1"/>
    <col min="14379" max="14381" width="11.26953125" style="1" customWidth="1"/>
    <col min="14382" max="14382" width="4.36328125" style="1" customWidth="1"/>
    <col min="14383" max="14383" width="10.6328125" style="1" customWidth="1"/>
    <col min="14384" max="14386" width="11.26953125" style="1" customWidth="1"/>
    <col min="14387" max="14387" width="12.453125" style="1" customWidth="1"/>
    <col min="14388" max="14392" width="11.26953125" style="1" customWidth="1"/>
    <col min="14393" max="14393" width="12.453125" style="1" customWidth="1"/>
    <col min="14394" max="14394" width="4.453125" style="1" bestFit="1" customWidth="1"/>
    <col min="14395" max="14592" width="9" style="1"/>
    <col min="14593" max="14593" width="4.453125" style="1" customWidth="1"/>
    <col min="14594" max="14594" width="9.453125" style="1" customWidth="1"/>
    <col min="14595" max="14595" width="10.453125" style="1" bestFit="1" customWidth="1"/>
    <col min="14596" max="14596" width="11.26953125" style="1" customWidth="1"/>
    <col min="14597" max="14597" width="9" style="1"/>
    <col min="14598" max="14600" width="11.26953125" style="1" customWidth="1"/>
    <col min="14601" max="14601" width="9" style="1"/>
    <col min="14602" max="14604" width="8.7265625" style="1" bestFit="1" customWidth="1"/>
    <col min="14605" max="14605" width="9" style="1"/>
    <col min="14606" max="14609" width="11.26953125" style="1" customWidth="1"/>
    <col min="14610" max="14610" width="9" style="1"/>
    <col min="14611" max="14611" width="11.26953125" style="1" customWidth="1"/>
    <col min="14612" max="14612" width="9" style="1"/>
    <col min="14613" max="14616" width="11.26953125" style="1" customWidth="1"/>
    <col min="14617" max="14617" width="4.36328125" style="1" customWidth="1"/>
    <col min="14618" max="14618" width="10.6328125" style="1" customWidth="1"/>
    <col min="14619" max="14621" width="11.453125" style="1" customWidth="1"/>
    <col min="14622" max="14622" width="11.453125" style="1" bestFit="1" customWidth="1"/>
    <col min="14623" max="14623" width="10.90625" style="1" customWidth="1"/>
    <col min="14624" max="14624" width="11.453125" style="1" bestFit="1" customWidth="1"/>
    <col min="14625" max="14634" width="11.453125" style="1" customWidth="1"/>
    <col min="14635" max="14637" width="11.26953125" style="1" customWidth="1"/>
    <col min="14638" max="14638" width="4.36328125" style="1" customWidth="1"/>
    <col min="14639" max="14639" width="10.6328125" style="1" customWidth="1"/>
    <col min="14640" max="14642" width="11.26953125" style="1" customWidth="1"/>
    <col min="14643" max="14643" width="12.453125" style="1" customWidth="1"/>
    <col min="14644" max="14648" width="11.26953125" style="1" customWidth="1"/>
    <col min="14649" max="14649" width="12.453125" style="1" customWidth="1"/>
    <col min="14650" max="14650" width="4.453125" style="1" bestFit="1" customWidth="1"/>
    <col min="14651" max="14848" width="9" style="1"/>
    <col min="14849" max="14849" width="4.453125" style="1" customWidth="1"/>
    <col min="14850" max="14850" width="9.453125" style="1" customWidth="1"/>
    <col min="14851" max="14851" width="10.453125" style="1" bestFit="1" customWidth="1"/>
    <col min="14852" max="14852" width="11.26953125" style="1" customWidth="1"/>
    <col min="14853" max="14853" width="9" style="1"/>
    <col min="14854" max="14856" width="11.26953125" style="1" customWidth="1"/>
    <col min="14857" max="14857" width="9" style="1"/>
    <col min="14858" max="14860" width="8.7265625" style="1" bestFit="1" customWidth="1"/>
    <col min="14861" max="14861" width="9" style="1"/>
    <col min="14862" max="14865" width="11.26953125" style="1" customWidth="1"/>
    <col min="14866" max="14866" width="9" style="1"/>
    <col min="14867" max="14867" width="11.26953125" style="1" customWidth="1"/>
    <col min="14868" max="14868" width="9" style="1"/>
    <col min="14869" max="14872" width="11.26953125" style="1" customWidth="1"/>
    <col min="14873" max="14873" width="4.36328125" style="1" customWidth="1"/>
    <col min="14874" max="14874" width="10.6328125" style="1" customWidth="1"/>
    <col min="14875" max="14877" width="11.453125" style="1" customWidth="1"/>
    <col min="14878" max="14878" width="11.453125" style="1" bestFit="1" customWidth="1"/>
    <col min="14879" max="14879" width="10.90625" style="1" customWidth="1"/>
    <col min="14880" max="14880" width="11.453125" style="1" bestFit="1" customWidth="1"/>
    <col min="14881" max="14890" width="11.453125" style="1" customWidth="1"/>
    <col min="14891" max="14893" width="11.26953125" style="1" customWidth="1"/>
    <col min="14894" max="14894" width="4.36328125" style="1" customWidth="1"/>
    <col min="14895" max="14895" width="10.6328125" style="1" customWidth="1"/>
    <col min="14896" max="14898" width="11.26953125" style="1" customWidth="1"/>
    <col min="14899" max="14899" width="12.453125" style="1" customWidth="1"/>
    <col min="14900" max="14904" width="11.26953125" style="1" customWidth="1"/>
    <col min="14905" max="14905" width="12.453125" style="1" customWidth="1"/>
    <col min="14906" max="14906" width="4.453125" style="1" bestFit="1" customWidth="1"/>
    <col min="14907" max="15104" width="9" style="1"/>
    <col min="15105" max="15105" width="4.453125" style="1" customWidth="1"/>
    <col min="15106" max="15106" width="9.453125" style="1" customWidth="1"/>
    <col min="15107" max="15107" width="10.453125" style="1" bestFit="1" customWidth="1"/>
    <col min="15108" max="15108" width="11.26953125" style="1" customWidth="1"/>
    <col min="15109" max="15109" width="9" style="1"/>
    <col min="15110" max="15112" width="11.26953125" style="1" customWidth="1"/>
    <col min="15113" max="15113" width="9" style="1"/>
    <col min="15114" max="15116" width="8.7265625" style="1" bestFit="1" customWidth="1"/>
    <col min="15117" max="15117" width="9" style="1"/>
    <col min="15118" max="15121" width="11.26953125" style="1" customWidth="1"/>
    <col min="15122" max="15122" width="9" style="1"/>
    <col min="15123" max="15123" width="11.26953125" style="1" customWidth="1"/>
    <col min="15124" max="15124" width="9" style="1"/>
    <col min="15125" max="15128" width="11.26953125" style="1" customWidth="1"/>
    <col min="15129" max="15129" width="4.36328125" style="1" customWidth="1"/>
    <col min="15130" max="15130" width="10.6328125" style="1" customWidth="1"/>
    <col min="15131" max="15133" width="11.453125" style="1" customWidth="1"/>
    <col min="15134" max="15134" width="11.453125" style="1" bestFit="1" customWidth="1"/>
    <col min="15135" max="15135" width="10.90625" style="1" customWidth="1"/>
    <col min="15136" max="15136" width="11.453125" style="1" bestFit="1" customWidth="1"/>
    <col min="15137" max="15146" width="11.453125" style="1" customWidth="1"/>
    <col min="15147" max="15149" width="11.26953125" style="1" customWidth="1"/>
    <col min="15150" max="15150" width="4.36328125" style="1" customWidth="1"/>
    <col min="15151" max="15151" width="10.6328125" style="1" customWidth="1"/>
    <col min="15152" max="15154" width="11.26953125" style="1" customWidth="1"/>
    <col min="15155" max="15155" width="12.453125" style="1" customWidth="1"/>
    <col min="15156" max="15160" width="11.26953125" style="1" customWidth="1"/>
    <col min="15161" max="15161" width="12.453125" style="1" customWidth="1"/>
    <col min="15162" max="15162" width="4.453125" style="1" bestFit="1" customWidth="1"/>
    <col min="15163" max="15360" width="9" style="1"/>
    <col min="15361" max="15361" width="4.453125" style="1" customWidth="1"/>
    <col min="15362" max="15362" width="9.453125" style="1" customWidth="1"/>
    <col min="15363" max="15363" width="10.453125" style="1" bestFit="1" customWidth="1"/>
    <col min="15364" max="15364" width="11.26953125" style="1" customWidth="1"/>
    <col min="15365" max="15365" width="9" style="1"/>
    <col min="15366" max="15368" width="11.26953125" style="1" customWidth="1"/>
    <col min="15369" max="15369" width="9" style="1"/>
    <col min="15370" max="15372" width="8.7265625" style="1" bestFit="1" customWidth="1"/>
    <col min="15373" max="15373" width="9" style="1"/>
    <col min="15374" max="15377" width="11.26953125" style="1" customWidth="1"/>
    <col min="15378" max="15378" width="9" style="1"/>
    <col min="15379" max="15379" width="11.26953125" style="1" customWidth="1"/>
    <col min="15380" max="15380" width="9" style="1"/>
    <col min="15381" max="15384" width="11.26953125" style="1" customWidth="1"/>
    <col min="15385" max="15385" width="4.36328125" style="1" customWidth="1"/>
    <col min="15386" max="15386" width="10.6328125" style="1" customWidth="1"/>
    <col min="15387" max="15389" width="11.453125" style="1" customWidth="1"/>
    <col min="15390" max="15390" width="11.453125" style="1" bestFit="1" customWidth="1"/>
    <col min="15391" max="15391" width="10.90625" style="1" customWidth="1"/>
    <col min="15392" max="15392" width="11.453125" style="1" bestFit="1" customWidth="1"/>
    <col min="15393" max="15402" width="11.453125" style="1" customWidth="1"/>
    <col min="15403" max="15405" width="11.26953125" style="1" customWidth="1"/>
    <col min="15406" max="15406" width="4.36328125" style="1" customWidth="1"/>
    <col min="15407" max="15407" width="10.6328125" style="1" customWidth="1"/>
    <col min="15408" max="15410" width="11.26953125" style="1" customWidth="1"/>
    <col min="15411" max="15411" width="12.453125" style="1" customWidth="1"/>
    <col min="15412" max="15416" width="11.26953125" style="1" customWidth="1"/>
    <col min="15417" max="15417" width="12.453125" style="1" customWidth="1"/>
    <col min="15418" max="15418" width="4.453125" style="1" bestFit="1" customWidth="1"/>
    <col min="15419" max="15616" width="9" style="1"/>
    <col min="15617" max="15617" width="4.453125" style="1" customWidth="1"/>
    <col min="15618" max="15618" width="9.453125" style="1" customWidth="1"/>
    <col min="15619" max="15619" width="10.453125" style="1" bestFit="1" customWidth="1"/>
    <col min="15620" max="15620" width="11.26953125" style="1" customWidth="1"/>
    <col min="15621" max="15621" width="9" style="1"/>
    <col min="15622" max="15624" width="11.26953125" style="1" customWidth="1"/>
    <col min="15625" max="15625" width="9" style="1"/>
    <col min="15626" max="15628" width="8.7265625" style="1" bestFit="1" customWidth="1"/>
    <col min="15629" max="15629" width="9" style="1"/>
    <col min="15630" max="15633" width="11.26953125" style="1" customWidth="1"/>
    <col min="15634" max="15634" width="9" style="1"/>
    <col min="15635" max="15635" width="11.26953125" style="1" customWidth="1"/>
    <col min="15636" max="15636" width="9" style="1"/>
    <col min="15637" max="15640" width="11.26953125" style="1" customWidth="1"/>
    <col min="15641" max="15641" width="4.36328125" style="1" customWidth="1"/>
    <col min="15642" max="15642" width="10.6328125" style="1" customWidth="1"/>
    <col min="15643" max="15645" width="11.453125" style="1" customWidth="1"/>
    <col min="15646" max="15646" width="11.453125" style="1" bestFit="1" customWidth="1"/>
    <col min="15647" max="15647" width="10.90625" style="1" customWidth="1"/>
    <col min="15648" max="15648" width="11.453125" style="1" bestFit="1" customWidth="1"/>
    <col min="15649" max="15658" width="11.453125" style="1" customWidth="1"/>
    <col min="15659" max="15661" width="11.26953125" style="1" customWidth="1"/>
    <col min="15662" max="15662" width="4.36328125" style="1" customWidth="1"/>
    <col min="15663" max="15663" width="10.6328125" style="1" customWidth="1"/>
    <col min="15664" max="15666" width="11.26953125" style="1" customWidth="1"/>
    <col min="15667" max="15667" width="12.453125" style="1" customWidth="1"/>
    <col min="15668" max="15672" width="11.26953125" style="1" customWidth="1"/>
    <col min="15673" max="15673" width="12.453125" style="1" customWidth="1"/>
    <col min="15674" max="15674" width="4.453125" style="1" bestFit="1" customWidth="1"/>
    <col min="15675" max="15872" width="9" style="1"/>
    <col min="15873" max="15873" width="4.453125" style="1" customWidth="1"/>
    <col min="15874" max="15874" width="9.453125" style="1" customWidth="1"/>
    <col min="15875" max="15875" width="10.453125" style="1" bestFit="1" customWidth="1"/>
    <col min="15876" max="15876" width="11.26953125" style="1" customWidth="1"/>
    <col min="15877" max="15877" width="9" style="1"/>
    <col min="15878" max="15880" width="11.26953125" style="1" customWidth="1"/>
    <col min="15881" max="15881" width="9" style="1"/>
    <col min="15882" max="15884" width="8.7265625" style="1" bestFit="1" customWidth="1"/>
    <col min="15885" max="15885" width="9" style="1"/>
    <col min="15886" max="15889" width="11.26953125" style="1" customWidth="1"/>
    <col min="15890" max="15890" width="9" style="1"/>
    <col min="15891" max="15891" width="11.26953125" style="1" customWidth="1"/>
    <col min="15892" max="15892" width="9" style="1"/>
    <col min="15893" max="15896" width="11.26953125" style="1" customWidth="1"/>
    <col min="15897" max="15897" width="4.36328125" style="1" customWidth="1"/>
    <col min="15898" max="15898" width="10.6328125" style="1" customWidth="1"/>
    <col min="15899" max="15901" width="11.453125" style="1" customWidth="1"/>
    <col min="15902" max="15902" width="11.453125" style="1" bestFit="1" customWidth="1"/>
    <col min="15903" max="15903" width="10.90625" style="1" customWidth="1"/>
    <col min="15904" max="15904" width="11.453125" style="1" bestFit="1" customWidth="1"/>
    <col min="15905" max="15914" width="11.453125" style="1" customWidth="1"/>
    <col min="15915" max="15917" width="11.26953125" style="1" customWidth="1"/>
    <col min="15918" max="15918" width="4.36328125" style="1" customWidth="1"/>
    <col min="15919" max="15919" width="10.6328125" style="1" customWidth="1"/>
    <col min="15920" max="15922" width="11.26953125" style="1" customWidth="1"/>
    <col min="15923" max="15923" width="12.453125" style="1" customWidth="1"/>
    <col min="15924" max="15928" width="11.26953125" style="1" customWidth="1"/>
    <col min="15929" max="15929" width="12.453125" style="1" customWidth="1"/>
    <col min="15930" max="15930" width="4.453125" style="1" bestFit="1" customWidth="1"/>
    <col min="15931" max="16128" width="9" style="1"/>
    <col min="16129" max="16129" width="4.453125" style="1" customWidth="1"/>
    <col min="16130" max="16130" width="9.453125" style="1" customWidth="1"/>
    <col min="16131" max="16131" width="10.453125" style="1" bestFit="1" customWidth="1"/>
    <col min="16132" max="16132" width="11.26953125" style="1" customWidth="1"/>
    <col min="16133" max="16133" width="9" style="1"/>
    <col min="16134" max="16136" width="11.26953125" style="1" customWidth="1"/>
    <col min="16137" max="16137" width="9" style="1"/>
    <col min="16138" max="16140" width="8.7265625" style="1" bestFit="1" customWidth="1"/>
    <col min="16141" max="16141" width="9" style="1"/>
    <col min="16142" max="16145" width="11.26953125" style="1" customWidth="1"/>
    <col min="16146" max="16146" width="9" style="1"/>
    <col min="16147" max="16147" width="11.26953125" style="1" customWidth="1"/>
    <col min="16148" max="16148" width="9" style="1"/>
    <col min="16149" max="16152" width="11.26953125" style="1" customWidth="1"/>
    <col min="16153" max="16153" width="4.36328125" style="1" customWidth="1"/>
    <col min="16154" max="16154" width="10.6328125" style="1" customWidth="1"/>
    <col min="16155" max="16157" width="11.453125" style="1" customWidth="1"/>
    <col min="16158" max="16158" width="11.453125" style="1" bestFit="1" customWidth="1"/>
    <col min="16159" max="16159" width="10.90625" style="1" customWidth="1"/>
    <col min="16160" max="16160" width="11.453125" style="1" bestFit="1" customWidth="1"/>
    <col min="16161" max="16170" width="11.453125" style="1" customWidth="1"/>
    <col min="16171" max="16173" width="11.26953125" style="1" customWidth="1"/>
    <col min="16174" max="16174" width="4.36328125" style="1" customWidth="1"/>
    <col min="16175" max="16175" width="10.6328125" style="1" customWidth="1"/>
    <col min="16176" max="16178" width="11.26953125" style="1" customWidth="1"/>
    <col min="16179" max="16179" width="12.453125" style="1" customWidth="1"/>
    <col min="16180" max="16184" width="11.26953125" style="1" customWidth="1"/>
    <col min="16185" max="16185" width="12.453125" style="1" customWidth="1"/>
    <col min="16186" max="16186" width="4.453125" style="1" bestFit="1" customWidth="1"/>
    <col min="16187" max="16384" width="9" style="1"/>
  </cols>
  <sheetData>
    <row r="1" spans="1:58" ht="15" hidden="1" customHeight="1" thickBot="1">
      <c r="A1" s="1" t="s">
        <v>0</v>
      </c>
      <c r="Y1" s="1" t="s">
        <v>1</v>
      </c>
      <c r="AT1" s="2" t="s">
        <v>2</v>
      </c>
      <c r="AV1" s="2"/>
    </row>
    <row r="2" spans="1:58" ht="15" hidden="1" customHeight="1">
      <c r="A2" s="1" t="s">
        <v>3</v>
      </c>
      <c r="C2" s="3" t="s">
        <v>4</v>
      </c>
      <c r="D2" s="4"/>
      <c r="E2" s="5"/>
      <c r="F2" s="5"/>
      <c r="G2" s="5"/>
      <c r="H2" s="5"/>
      <c r="I2" s="5"/>
      <c r="J2" s="5"/>
      <c r="K2" s="5"/>
      <c r="L2" s="5"/>
      <c r="M2" s="5"/>
      <c r="N2" s="5" t="s">
        <v>5</v>
      </c>
      <c r="O2" s="5"/>
      <c r="P2" s="5"/>
      <c r="Q2" s="5"/>
      <c r="R2" s="5"/>
      <c r="S2" s="6"/>
      <c r="T2" s="6"/>
      <c r="U2" s="7"/>
      <c r="V2" s="8" t="s">
        <v>6</v>
      </c>
      <c r="W2" s="9"/>
      <c r="X2" s="10"/>
      <c r="Y2" s="11"/>
      <c r="Z2" s="11"/>
      <c r="AA2" s="12" t="s">
        <v>7</v>
      </c>
      <c r="AB2" s="13"/>
      <c r="AC2" s="14"/>
      <c r="AD2" s="15"/>
      <c r="AE2" s="5" t="s">
        <v>8</v>
      </c>
      <c r="AF2" s="16"/>
      <c r="AG2" s="3" t="s">
        <v>9</v>
      </c>
      <c r="AH2" s="17" t="s">
        <v>10</v>
      </c>
      <c r="AI2" s="17"/>
      <c r="AJ2" s="17"/>
      <c r="AK2" s="17"/>
      <c r="AL2" s="17"/>
      <c r="AM2" s="17"/>
      <c r="AN2" s="17"/>
      <c r="AO2" s="17"/>
      <c r="AP2" s="18" t="s">
        <v>11</v>
      </c>
      <c r="AQ2" s="19" t="s">
        <v>12</v>
      </c>
      <c r="AR2" s="19"/>
      <c r="AS2" s="19"/>
      <c r="AT2" s="11"/>
      <c r="AU2" s="11"/>
      <c r="AV2" s="19" t="s">
        <v>13</v>
      </c>
      <c r="AW2" s="19"/>
      <c r="AX2" s="19"/>
      <c r="AY2" s="20" t="s">
        <v>14</v>
      </c>
      <c r="AZ2" s="21" t="s">
        <v>15</v>
      </c>
      <c r="BA2" s="21" t="s">
        <v>16</v>
      </c>
      <c r="BB2" s="3" t="s">
        <v>17</v>
      </c>
      <c r="BC2" s="21" t="s">
        <v>18</v>
      </c>
      <c r="BD2" s="21" t="s">
        <v>19</v>
      </c>
      <c r="BE2" s="3" t="s">
        <v>20</v>
      </c>
    </row>
    <row r="3" spans="1:58" ht="15" hidden="1" customHeight="1">
      <c r="C3" s="22"/>
      <c r="D3" s="8" t="s">
        <v>21</v>
      </c>
      <c r="E3" s="23"/>
      <c r="F3" s="23"/>
      <c r="G3" s="23"/>
      <c r="H3" s="23"/>
      <c r="I3" s="23"/>
      <c r="J3" s="23"/>
      <c r="K3" s="23"/>
      <c r="L3" s="23"/>
      <c r="M3" s="23"/>
      <c r="N3" s="24"/>
      <c r="O3" s="8" t="s">
        <v>22</v>
      </c>
      <c r="P3" s="23"/>
      <c r="Q3" s="23"/>
      <c r="R3" s="23"/>
      <c r="S3" s="24"/>
      <c r="T3" s="21" t="s">
        <v>23</v>
      </c>
      <c r="U3" s="3" t="s">
        <v>24</v>
      </c>
      <c r="V3" s="21" t="s">
        <v>25</v>
      </c>
      <c r="W3" s="21" t="s">
        <v>26</v>
      </c>
      <c r="X3" s="3" t="s">
        <v>24</v>
      </c>
      <c r="Y3" s="25"/>
      <c r="Z3" s="25"/>
      <c r="AA3" s="21" t="s">
        <v>27</v>
      </c>
      <c r="AB3" s="21" t="s">
        <v>26</v>
      </c>
      <c r="AC3" s="3" t="s">
        <v>24</v>
      </c>
      <c r="AD3" s="21" t="s">
        <v>28</v>
      </c>
      <c r="AE3" s="21" t="s">
        <v>26</v>
      </c>
      <c r="AF3" s="3" t="s">
        <v>24</v>
      </c>
      <c r="AG3" s="22"/>
      <c r="AH3" s="17" t="s">
        <v>29</v>
      </c>
      <c r="AI3" s="17"/>
      <c r="AJ3" s="17"/>
      <c r="AK3" s="17" t="s">
        <v>30</v>
      </c>
      <c r="AL3" s="17"/>
      <c r="AM3" s="17"/>
      <c r="AN3" s="18" t="s">
        <v>31</v>
      </c>
      <c r="AO3" s="17" t="s">
        <v>24</v>
      </c>
      <c r="AP3" s="17"/>
      <c r="AQ3" s="26" t="s">
        <v>32</v>
      </c>
      <c r="AR3" s="26" t="s">
        <v>33</v>
      </c>
      <c r="AS3" s="21" t="s">
        <v>34</v>
      </c>
      <c r="AT3" s="25"/>
      <c r="AU3" s="25"/>
      <c r="AV3" s="21" t="s">
        <v>35</v>
      </c>
      <c r="AW3" s="21" t="s">
        <v>36</v>
      </c>
      <c r="AX3" s="21" t="s">
        <v>37</v>
      </c>
      <c r="AY3" s="27"/>
      <c r="AZ3" s="22"/>
      <c r="BA3" s="22"/>
      <c r="BB3" s="22"/>
      <c r="BC3" s="22"/>
      <c r="BD3" s="22"/>
      <c r="BE3" s="22"/>
    </row>
    <row r="4" spans="1:58" ht="30" hidden="1" customHeight="1">
      <c r="C4" s="28"/>
      <c r="D4" s="29" t="s">
        <v>38</v>
      </c>
      <c r="E4" s="30" t="s">
        <v>39</v>
      </c>
      <c r="F4" s="30" t="s">
        <v>40</v>
      </c>
      <c r="G4" s="30" t="s">
        <v>41</v>
      </c>
      <c r="H4" s="31" t="s">
        <v>42</v>
      </c>
      <c r="I4" s="30" t="s">
        <v>43</v>
      </c>
      <c r="J4" s="30" t="s">
        <v>44</v>
      </c>
      <c r="K4" s="30" t="s">
        <v>45</v>
      </c>
      <c r="L4" s="30" t="s">
        <v>46</v>
      </c>
      <c r="M4" s="30" t="s">
        <v>47</v>
      </c>
      <c r="N4" s="30" t="s">
        <v>24</v>
      </c>
      <c r="O4" s="30" t="s">
        <v>48</v>
      </c>
      <c r="P4" s="30" t="s">
        <v>41</v>
      </c>
      <c r="Q4" s="31" t="s">
        <v>42</v>
      </c>
      <c r="R4" s="30" t="s">
        <v>43</v>
      </c>
      <c r="S4" s="32" t="s">
        <v>24</v>
      </c>
      <c r="T4" s="28"/>
      <c r="U4" s="28"/>
      <c r="V4" s="33"/>
      <c r="W4" s="28"/>
      <c r="X4" s="28"/>
      <c r="Y4" s="30"/>
      <c r="Z4" s="30"/>
      <c r="AA4" s="33"/>
      <c r="AB4" s="28"/>
      <c r="AC4" s="28"/>
      <c r="AD4" s="34"/>
      <c r="AE4" s="28"/>
      <c r="AF4" s="28"/>
      <c r="AG4" s="28"/>
      <c r="AH4" s="35" t="s">
        <v>49</v>
      </c>
      <c r="AI4" s="35" t="s">
        <v>50</v>
      </c>
      <c r="AJ4" s="35" t="s">
        <v>40</v>
      </c>
      <c r="AK4" s="35" t="s">
        <v>49</v>
      </c>
      <c r="AL4" s="35" t="s">
        <v>50</v>
      </c>
      <c r="AM4" s="35" t="s">
        <v>40</v>
      </c>
      <c r="AN4" s="17"/>
      <c r="AO4" s="17"/>
      <c r="AP4" s="17"/>
      <c r="AQ4" s="26"/>
      <c r="AR4" s="26"/>
      <c r="AS4" s="34"/>
      <c r="AT4" s="30"/>
      <c r="AU4" s="30"/>
      <c r="AV4" s="36"/>
      <c r="AW4" s="33"/>
      <c r="AX4" s="36"/>
      <c r="AY4" s="37"/>
      <c r="AZ4" s="28"/>
      <c r="BA4" s="28"/>
      <c r="BB4" s="28"/>
      <c r="BC4" s="28"/>
      <c r="BD4" s="28"/>
      <c r="BE4" s="28"/>
    </row>
    <row r="5" spans="1:58" ht="15" hidden="1" customHeight="1">
      <c r="A5" s="38"/>
      <c r="B5" s="38"/>
      <c r="C5" s="39" t="s">
        <v>51</v>
      </c>
      <c r="D5" s="39" t="s">
        <v>52</v>
      </c>
      <c r="E5" s="39" t="s">
        <v>53</v>
      </c>
      <c r="F5" s="39" t="s">
        <v>54</v>
      </c>
      <c r="G5" s="39" t="s">
        <v>55</v>
      </c>
      <c r="H5" s="40" t="s">
        <v>56</v>
      </c>
      <c r="I5" s="39" t="s">
        <v>57</v>
      </c>
      <c r="J5" s="39" t="s">
        <v>58</v>
      </c>
      <c r="K5" s="39" t="s">
        <v>59</v>
      </c>
      <c r="L5" s="39" t="s">
        <v>60</v>
      </c>
      <c r="M5" s="39" t="s">
        <v>61</v>
      </c>
      <c r="N5" s="39" t="s">
        <v>62</v>
      </c>
      <c r="O5" s="39" t="s">
        <v>63</v>
      </c>
      <c r="P5" s="39" t="s">
        <v>64</v>
      </c>
      <c r="Q5" s="40" t="s">
        <v>65</v>
      </c>
      <c r="R5" s="39" t="s">
        <v>66</v>
      </c>
      <c r="S5" s="39" t="s">
        <v>67</v>
      </c>
      <c r="T5" s="39" t="s">
        <v>68</v>
      </c>
      <c r="U5" s="39" t="s">
        <v>69</v>
      </c>
      <c r="V5" s="39" t="s">
        <v>70</v>
      </c>
      <c r="W5" s="39" t="s">
        <v>71</v>
      </c>
      <c r="X5" s="39" t="s">
        <v>72</v>
      </c>
      <c r="Y5" s="39"/>
      <c r="Z5" s="39"/>
      <c r="AA5" s="39" t="s">
        <v>73</v>
      </c>
      <c r="AB5" s="39" t="s">
        <v>74</v>
      </c>
      <c r="AC5" s="39" t="s">
        <v>75</v>
      </c>
      <c r="AD5" s="39" t="s">
        <v>76</v>
      </c>
      <c r="AE5" s="39" t="s">
        <v>77</v>
      </c>
      <c r="AF5" s="39" t="s">
        <v>78</v>
      </c>
      <c r="AG5" s="39" t="s">
        <v>79</v>
      </c>
      <c r="AH5" s="40" t="s">
        <v>80</v>
      </c>
      <c r="AI5" s="40" t="s">
        <v>81</v>
      </c>
      <c r="AJ5" s="40" t="s">
        <v>82</v>
      </c>
      <c r="AK5" s="40" t="s">
        <v>83</v>
      </c>
      <c r="AL5" s="40" t="s">
        <v>84</v>
      </c>
      <c r="AM5" s="40" t="s">
        <v>85</v>
      </c>
      <c r="AN5" s="40" t="s">
        <v>86</v>
      </c>
      <c r="AO5" s="40" t="s">
        <v>87</v>
      </c>
      <c r="AP5" s="40" t="s">
        <v>88</v>
      </c>
      <c r="AQ5" s="39" t="s">
        <v>89</v>
      </c>
      <c r="AR5" s="39" t="s">
        <v>90</v>
      </c>
      <c r="AS5" s="39" t="s">
        <v>91</v>
      </c>
      <c r="AT5" s="39"/>
      <c r="AU5" s="39"/>
      <c r="AV5" s="39" t="s">
        <v>92</v>
      </c>
      <c r="AW5" s="39" t="s">
        <v>93</v>
      </c>
      <c r="AX5" s="39" t="s">
        <v>94</v>
      </c>
      <c r="AY5" s="40" t="s">
        <v>95</v>
      </c>
      <c r="AZ5" s="39" t="s">
        <v>96</v>
      </c>
      <c r="BA5" s="39" t="s">
        <v>97</v>
      </c>
      <c r="BB5" s="39" t="s">
        <v>98</v>
      </c>
      <c r="BC5" s="39" t="s">
        <v>99</v>
      </c>
      <c r="BD5" s="39" t="s">
        <v>100</v>
      </c>
      <c r="BE5" s="39" t="s">
        <v>101</v>
      </c>
    </row>
    <row r="6" spans="1:58" ht="15" hidden="1" customHeight="1">
      <c r="C6" s="41"/>
      <c r="D6" s="41"/>
      <c r="E6" s="41"/>
      <c r="F6" s="41"/>
      <c r="G6" s="41"/>
      <c r="H6" s="41"/>
      <c r="I6" s="41"/>
      <c r="J6" s="41"/>
      <c r="K6" s="41"/>
      <c r="L6" s="41"/>
      <c r="M6" s="41"/>
      <c r="N6" s="41"/>
      <c r="O6" s="41"/>
      <c r="P6" s="41"/>
      <c r="Q6" s="41"/>
      <c r="R6" s="41"/>
      <c r="S6" s="41"/>
      <c r="T6" s="41"/>
      <c r="U6" s="41"/>
      <c r="V6" s="41"/>
      <c r="W6" s="41"/>
      <c r="X6" s="41"/>
      <c r="Y6" s="41"/>
      <c r="Z6" s="41"/>
      <c r="AA6" s="41"/>
      <c r="AB6" s="41"/>
      <c r="AC6" s="41"/>
      <c r="AD6" s="41"/>
      <c r="AE6" s="41"/>
      <c r="AF6" s="41"/>
      <c r="AG6" s="41"/>
      <c r="AH6" s="41"/>
      <c r="AI6" s="41"/>
      <c r="AJ6" s="41"/>
      <c r="AK6" s="41"/>
      <c r="AL6" s="41"/>
      <c r="AM6" s="41"/>
      <c r="AN6" s="41"/>
      <c r="AO6" s="41"/>
      <c r="AP6" s="41"/>
      <c r="AQ6" s="41"/>
      <c r="AR6" s="41"/>
      <c r="AS6" s="41"/>
      <c r="AT6" s="41"/>
      <c r="AU6" s="41"/>
      <c r="AV6" s="41"/>
      <c r="AW6" s="41"/>
      <c r="AX6" s="41"/>
      <c r="AY6" s="41"/>
      <c r="AZ6" s="41"/>
      <c r="BA6" s="41"/>
      <c r="BB6" s="41"/>
      <c r="BC6" s="41"/>
      <c r="BD6" s="41"/>
      <c r="BE6" s="41"/>
    </row>
    <row r="7" spans="1:58" ht="15" customHeight="1">
      <c r="A7" s="1" t="s">
        <v>102</v>
      </c>
      <c r="Y7" s="1" t="s">
        <v>103</v>
      </c>
      <c r="AT7" s="2" t="s">
        <v>2</v>
      </c>
      <c r="AV7" s="2"/>
    </row>
    <row r="8" spans="1:58" ht="15" customHeight="1" thickBot="1">
      <c r="A8" s="1" t="s">
        <v>3</v>
      </c>
      <c r="Y8" s="1" t="s">
        <v>3</v>
      </c>
      <c r="AT8" s="1" t="s">
        <v>3</v>
      </c>
    </row>
    <row r="9" spans="1:58" ht="15" customHeight="1">
      <c r="A9" s="21" t="s">
        <v>104</v>
      </c>
      <c r="B9" s="42" t="s">
        <v>105</v>
      </c>
      <c r="C9" s="3" t="s">
        <v>4</v>
      </c>
      <c r="D9" s="8" t="s">
        <v>5</v>
      </c>
      <c r="E9" s="23"/>
      <c r="F9" s="23"/>
      <c r="G9" s="23"/>
      <c r="H9" s="23"/>
      <c r="I9" s="23"/>
      <c r="J9" s="23"/>
      <c r="K9" s="23"/>
      <c r="L9" s="23"/>
      <c r="M9" s="23"/>
      <c r="N9" s="23"/>
      <c r="O9" s="23"/>
      <c r="P9" s="23"/>
      <c r="Q9" s="23"/>
      <c r="R9" s="23"/>
      <c r="S9" s="23"/>
      <c r="T9" s="23"/>
      <c r="U9" s="24"/>
      <c r="V9" s="8" t="s">
        <v>6</v>
      </c>
      <c r="W9" s="9"/>
      <c r="X9" s="10"/>
      <c r="Y9" s="21" t="s">
        <v>104</v>
      </c>
      <c r="Z9" s="42" t="s">
        <v>105</v>
      </c>
      <c r="AA9" s="8" t="s">
        <v>7</v>
      </c>
      <c r="AB9" s="79"/>
      <c r="AC9" s="80"/>
      <c r="AD9" s="15"/>
      <c r="AE9" s="5" t="s">
        <v>8</v>
      </c>
      <c r="AF9" s="16"/>
      <c r="AG9" s="3" t="s">
        <v>9</v>
      </c>
      <c r="AH9" s="19" t="s">
        <v>10</v>
      </c>
      <c r="AI9" s="19"/>
      <c r="AJ9" s="19"/>
      <c r="AK9" s="19"/>
      <c r="AL9" s="19"/>
      <c r="AM9" s="19"/>
      <c r="AN9" s="19"/>
      <c r="AO9" s="19"/>
      <c r="AP9" s="26" t="s">
        <v>11</v>
      </c>
      <c r="AQ9" s="19" t="s">
        <v>106</v>
      </c>
      <c r="AR9" s="19"/>
      <c r="AS9" s="19"/>
      <c r="AT9" s="21" t="s">
        <v>104</v>
      </c>
      <c r="AU9" s="42" t="s">
        <v>105</v>
      </c>
      <c r="AV9" s="19" t="s">
        <v>107</v>
      </c>
      <c r="AW9" s="19"/>
      <c r="AX9" s="19"/>
      <c r="AY9" s="20" t="s">
        <v>108</v>
      </c>
      <c r="AZ9" s="21" t="s">
        <v>15</v>
      </c>
      <c r="BA9" s="43" t="s">
        <v>109</v>
      </c>
      <c r="BB9" s="21" t="s">
        <v>110</v>
      </c>
      <c r="BC9" s="21" t="s">
        <v>18</v>
      </c>
      <c r="BD9" s="21" t="s">
        <v>111</v>
      </c>
      <c r="BE9" s="3" t="s">
        <v>20</v>
      </c>
      <c r="BF9" s="44" t="s">
        <v>104</v>
      </c>
    </row>
    <row r="10" spans="1:58" ht="15" customHeight="1">
      <c r="A10" s="22"/>
      <c r="B10" s="45"/>
      <c r="C10" s="22"/>
      <c r="D10" s="8" t="s">
        <v>21</v>
      </c>
      <c r="E10" s="23"/>
      <c r="F10" s="23"/>
      <c r="G10" s="23"/>
      <c r="H10" s="23"/>
      <c r="I10" s="23"/>
      <c r="J10" s="23"/>
      <c r="K10" s="23"/>
      <c r="L10" s="23"/>
      <c r="M10" s="23"/>
      <c r="N10" s="24"/>
      <c r="O10" s="8" t="s">
        <v>22</v>
      </c>
      <c r="P10" s="23"/>
      <c r="Q10" s="23"/>
      <c r="R10" s="23"/>
      <c r="S10" s="24"/>
      <c r="T10" s="21" t="s">
        <v>23</v>
      </c>
      <c r="U10" s="3" t="s">
        <v>24</v>
      </c>
      <c r="V10" s="21" t="s">
        <v>25</v>
      </c>
      <c r="W10" s="21" t="s">
        <v>26</v>
      </c>
      <c r="X10" s="3" t="s">
        <v>24</v>
      </c>
      <c r="Y10" s="22"/>
      <c r="Z10" s="45"/>
      <c r="AA10" s="21" t="s">
        <v>27</v>
      </c>
      <c r="AB10" s="21" t="s">
        <v>26</v>
      </c>
      <c r="AC10" s="3" t="s">
        <v>24</v>
      </c>
      <c r="AD10" s="21" t="s">
        <v>28</v>
      </c>
      <c r="AE10" s="21" t="s">
        <v>26</v>
      </c>
      <c r="AF10" s="3" t="s">
        <v>24</v>
      </c>
      <c r="AG10" s="22"/>
      <c r="AH10" s="19" t="s">
        <v>29</v>
      </c>
      <c r="AI10" s="19"/>
      <c r="AJ10" s="19"/>
      <c r="AK10" s="19" t="s">
        <v>30</v>
      </c>
      <c r="AL10" s="19"/>
      <c r="AM10" s="19"/>
      <c r="AN10" s="26" t="s">
        <v>31</v>
      </c>
      <c r="AO10" s="19" t="s">
        <v>24</v>
      </c>
      <c r="AP10" s="19"/>
      <c r="AQ10" s="26" t="s">
        <v>112</v>
      </c>
      <c r="AR10" s="26" t="s">
        <v>113</v>
      </c>
      <c r="AS10" s="21" t="s">
        <v>34</v>
      </c>
      <c r="AT10" s="22"/>
      <c r="AU10" s="45"/>
      <c r="AV10" s="21" t="s">
        <v>35</v>
      </c>
      <c r="AW10" s="21" t="s">
        <v>36</v>
      </c>
      <c r="AX10" s="21" t="s">
        <v>37</v>
      </c>
      <c r="AY10" s="27"/>
      <c r="AZ10" s="22"/>
      <c r="BA10" s="46"/>
      <c r="BB10" s="22"/>
      <c r="BC10" s="22"/>
      <c r="BD10" s="22"/>
      <c r="BE10" s="22"/>
      <c r="BF10" s="47"/>
    </row>
    <row r="11" spans="1:58" ht="30" customHeight="1">
      <c r="A11" s="28"/>
      <c r="B11" s="48"/>
      <c r="C11" s="28"/>
      <c r="D11" s="29" t="s">
        <v>38</v>
      </c>
      <c r="E11" s="30" t="s">
        <v>39</v>
      </c>
      <c r="F11" s="30" t="s">
        <v>40</v>
      </c>
      <c r="G11" s="30" t="s">
        <v>41</v>
      </c>
      <c r="H11" s="31" t="s">
        <v>42</v>
      </c>
      <c r="I11" s="30" t="s">
        <v>43</v>
      </c>
      <c r="J11" s="30" t="s">
        <v>44</v>
      </c>
      <c r="K11" s="30" t="s">
        <v>45</v>
      </c>
      <c r="L11" s="30" t="s">
        <v>46</v>
      </c>
      <c r="M11" s="30" t="s">
        <v>47</v>
      </c>
      <c r="N11" s="30" t="s">
        <v>24</v>
      </c>
      <c r="O11" s="30" t="s">
        <v>48</v>
      </c>
      <c r="P11" s="30" t="s">
        <v>41</v>
      </c>
      <c r="Q11" s="31" t="s">
        <v>42</v>
      </c>
      <c r="R11" s="30" t="s">
        <v>43</v>
      </c>
      <c r="S11" s="32" t="s">
        <v>24</v>
      </c>
      <c r="T11" s="28"/>
      <c r="U11" s="28"/>
      <c r="V11" s="33"/>
      <c r="W11" s="28"/>
      <c r="X11" s="28"/>
      <c r="Y11" s="28"/>
      <c r="Z11" s="48"/>
      <c r="AA11" s="81"/>
      <c r="AB11" s="28"/>
      <c r="AC11" s="28"/>
      <c r="AD11" s="81"/>
      <c r="AE11" s="28"/>
      <c r="AF11" s="28"/>
      <c r="AG11" s="28"/>
      <c r="AH11" s="82" t="s">
        <v>49</v>
      </c>
      <c r="AI11" s="82" t="s">
        <v>50</v>
      </c>
      <c r="AJ11" s="82" t="s">
        <v>40</v>
      </c>
      <c r="AK11" s="82" t="s">
        <v>49</v>
      </c>
      <c r="AL11" s="82" t="s">
        <v>50</v>
      </c>
      <c r="AM11" s="82" t="s">
        <v>40</v>
      </c>
      <c r="AN11" s="19"/>
      <c r="AO11" s="19"/>
      <c r="AP11" s="19"/>
      <c r="AQ11" s="26"/>
      <c r="AR11" s="26"/>
      <c r="AS11" s="34"/>
      <c r="AT11" s="28"/>
      <c r="AU11" s="48"/>
      <c r="AV11" s="36"/>
      <c r="AW11" s="33"/>
      <c r="AX11" s="36"/>
      <c r="AY11" s="37"/>
      <c r="AZ11" s="28"/>
      <c r="BA11" s="49"/>
      <c r="BB11" s="28"/>
      <c r="BC11" s="28"/>
      <c r="BD11" s="28"/>
      <c r="BE11" s="28"/>
      <c r="BF11" s="50"/>
    </row>
    <row r="12" spans="1:58" ht="15" customHeight="1">
      <c r="A12" s="51"/>
      <c r="B12" s="52"/>
      <c r="C12" s="53" t="s">
        <v>114</v>
      </c>
      <c r="D12" s="53" t="s">
        <v>114</v>
      </c>
      <c r="E12" s="53" t="s">
        <v>114</v>
      </c>
      <c r="F12" s="53" t="s">
        <v>114</v>
      </c>
      <c r="G12" s="53" t="s">
        <v>114</v>
      </c>
      <c r="H12" s="54" t="s">
        <v>114</v>
      </c>
      <c r="I12" s="53" t="s">
        <v>114</v>
      </c>
      <c r="J12" s="53" t="s">
        <v>114</v>
      </c>
      <c r="K12" s="53" t="s">
        <v>114</v>
      </c>
      <c r="L12" s="53" t="s">
        <v>114</v>
      </c>
      <c r="M12" s="53" t="s">
        <v>114</v>
      </c>
      <c r="N12" s="53" t="s">
        <v>114</v>
      </c>
      <c r="O12" s="53" t="s">
        <v>114</v>
      </c>
      <c r="P12" s="53" t="s">
        <v>114</v>
      </c>
      <c r="Q12" s="54" t="s">
        <v>114</v>
      </c>
      <c r="R12" s="53" t="s">
        <v>114</v>
      </c>
      <c r="S12" s="53" t="s">
        <v>114</v>
      </c>
      <c r="T12" s="53" t="s">
        <v>114</v>
      </c>
      <c r="U12" s="53" t="s">
        <v>114</v>
      </c>
      <c r="V12" s="53" t="s">
        <v>114</v>
      </c>
      <c r="W12" s="53" t="s">
        <v>114</v>
      </c>
      <c r="X12" s="53" t="s">
        <v>114</v>
      </c>
      <c r="Y12" s="51"/>
      <c r="Z12" s="55"/>
      <c r="AA12" s="53" t="s">
        <v>114</v>
      </c>
      <c r="AB12" s="53" t="s">
        <v>114</v>
      </c>
      <c r="AC12" s="53" t="s">
        <v>114</v>
      </c>
      <c r="AD12" s="53" t="s">
        <v>114</v>
      </c>
      <c r="AE12" s="53" t="s">
        <v>114</v>
      </c>
      <c r="AF12" s="53" t="s">
        <v>114</v>
      </c>
      <c r="AG12" s="53" t="s">
        <v>114</v>
      </c>
      <c r="AH12" s="53" t="s">
        <v>114</v>
      </c>
      <c r="AI12" s="53" t="s">
        <v>114</v>
      </c>
      <c r="AJ12" s="53" t="s">
        <v>114</v>
      </c>
      <c r="AK12" s="53" t="s">
        <v>114</v>
      </c>
      <c r="AL12" s="53" t="s">
        <v>114</v>
      </c>
      <c r="AM12" s="53" t="s">
        <v>114</v>
      </c>
      <c r="AN12" s="53" t="s">
        <v>114</v>
      </c>
      <c r="AO12" s="53" t="s">
        <v>114</v>
      </c>
      <c r="AP12" s="53" t="s">
        <v>114</v>
      </c>
      <c r="AQ12" s="53" t="s">
        <v>114</v>
      </c>
      <c r="AR12" s="53" t="s">
        <v>114</v>
      </c>
      <c r="AS12" s="53" t="s">
        <v>114</v>
      </c>
      <c r="AT12" s="51"/>
      <c r="AU12" s="55"/>
      <c r="AV12" s="53" t="s">
        <v>114</v>
      </c>
      <c r="AW12" s="53" t="s">
        <v>114</v>
      </c>
      <c r="AX12" s="53" t="s">
        <v>114</v>
      </c>
      <c r="AY12" s="54" t="s">
        <v>114</v>
      </c>
      <c r="AZ12" s="53" t="s">
        <v>114</v>
      </c>
      <c r="BA12" s="53" t="s">
        <v>114</v>
      </c>
      <c r="BB12" s="53" t="s">
        <v>114</v>
      </c>
      <c r="BC12" s="53" t="s">
        <v>114</v>
      </c>
      <c r="BD12" s="53" t="s">
        <v>114</v>
      </c>
      <c r="BE12" s="53" t="s">
        <v>114</v>
      </c>
      <c r="BF12" s="56"/>
    </row>
    <row r="13" spans="1:58" ht="15" hidden="1" customHeight="1">
      <c r="A13" s="57"/>
      <c r="B13" s="58" t="s">
        <v>115</v>
      </c>
      <c r="C13" s="59">
        <v>1460086</v>
      </c>
      <c r="D13" s="59">
        <v>23960201</v>
      </c>
      <c r="E13" s="59">
        <v>92648</v>
      </c>
      <c r="F13" s="59">
        <v>24052849</v>
      </c>
      <c r="G13" s="59">
        <v>2906587</v>
      </c>
      <c r="H13" s="60" t="s">
        <v>116</v>
      </c>
      <c r="I13" s="59">
        <v>103</v>
      </c>
      <c r="J13" s="59">
        <v>210200</v>
      </c>
      <c r="K13" s="59">
        <v>166825</v>
      </c>
      <c r="L13" s="59">
        <v>0</v>
      </c>
      <c r="M13" s="59">
        <v>18637</v>
      </c>
      <c r="N13" s="59">
        <v>27355201</v>
      </c>
      <c r="O13" s="59">
        <v>17049235</v>
      </c>
      <c r="P13" s="59">
        <v>1284461</v>
      </c>
      <c r="Q13" s="60" t="s">
        <v>116</v>
      </c>
      <c r="R13" s="59">
        <v>47</v>
      </c>
      <c r="S13" s="59">
        <v>18333743</v>
      </c>
      <c r="T13" s="59">
        <v>168438</v>
      </c>
      <c r="U13" s="59">
        <v>45857383</v>
      </c>
      <c r="V13" s="59" t="s">
        <v>116</v>
      </c>
      <c r="W13" s="59" t="s">
        <v>116</v>
      </c>
      <c r="X13" s="59" t="s">
        <v>116</v>
      </c>
      <c r="Y13" s="57"/>
      <c r="Z13" s="58" t="s">
        <v>115</v>
      </c>
      <c r="AA13" s="59" t="s">
        <v>116</v>
      </c>
      <c r="AB13" s="59" t="s">
        <v>116</v>
      </c>
      <c r="AC13" s="59" t="s">
        <v>116</v>
      </c>
      <c r="AD13" s="59">
        <v>11628265</v>
      </c>
      <c r="AE13" s="59">
        <v>251069</v>
      </c>
      <c r="AF13" s="59">
        <v>11879334</v>
      </c>
      <c r="AG13" s="59">
        <v>3602502</v>
      </c>
      <c r="AH13" s="59" t="s">
        <v>116</v>
      </c>
      <c r="AI13" s="59" t="s">
        <v>117</v>
      </c>
      <c r="AJ13" s="59" t="s">
        <v>117</v>
      </c>
      <c r="AK13" s="59" t="s">
        <v>117</v>
      </c>
      <c r="AL13" s="59" t="s">
        <v>117</v>
      </c>
      <c r="AM13" s="59" t="s">
        <v>117</v>
      </c>
      <c r="AN13" s="59" t="s">
        <v>117</v>
      </c>
      <c r="AO13" s="59" t="s">
        <v>117</v>
      </c>
      <c r="AP13" s="59" t="s">
        <v>117</v>
      </c>
      <c r="AQ13" s="59">
        <v>1013292</v>
      </c>
      <c r="AR13" s="59">
        <v>3453922</v>
      </c>
      <c r="AS13" s="59">
        <v>2260</v>
      </c>
      <c r="AT13" s="57"/>
      <c r="AU13" s="58" t="s">
        <v>115</v>
      </c>
      <c r="AV13" s="59" t="s">
        <v>116</v>
      </c>
      <c r="AW13" s="59">
        <v>515521</v>
      </c>
      <c r="AX13" s="59" t="s">
        <v>116</v>
      </c>
      <c r="AY13" s="60" t="s">
        <v>116</v>
      </c>
      <c r="AZ13" s="59">
        <v>200510</v>
      </c>
      <c r="BA13" s="59">
        <v>239170</v>
      </c>
      <c r="BB13" s="59">
        <v>1612</v>
      </c>
      <c r="BC13" s="59">
        <v>315886</v>
      </c>
      <c r="BD13" s="59">
        <v>0</v>
      </c>
      <c r="BE13" s="59">
        <v>68541477</v>
      </c>
      <c r="BF13" s="61"/>
    </row>
    <row r="14" spans="1:58" ht="15" hidden="1" customHeight="1">
      <c r="A14" s="57"/>
      <c r="B14" s="58" t="s">
        <v>118</v>
      </c>
      <c r="C14" s="59">
        <v>2129857</v>
      </c>
      <c r="D14" s="59">
        <v>25084334</v>
      </c>
      <c r="E14" s="59">
        <v>90903</v>
      </c>
      <c r="F14" s="59">
        <v>25175236</v>
      </c>
      <c r="G14" s="59">
        <v>3058647</v>
      </c>
      <c r="H14" s="60" t="s">
        <v>116</v>
      </c>
      <c r="I14" s="59">
        <v>76</v>
      </c>
      <c r="J14" s="59">
        <v>206500</v>
      </c>
      <c r="K14" s="59">
        <v>181595</v>
      </c>
      <c r="L14" s="59">
        <v>0</v>
      </c>
      <c r="M14" s="59">
        <v>20504</v>
      </c>
      <c r="N14" s="59">
        <v>28642559</v>
      </c>
      <c r="O14" s="59">
        <v>19264952</v>
      </c>
      <c r="P14" s="59">
        <v>1396590</v>
      </c>
      <c r="Q14" s="60" t="s">
        <v>116</v>
      </c>
      <c r="R14" s="59">
        <v>134</v>
      </c>
      <c r="S14" s="59">
        <v>20661676</v>
      </c>
      <c r="T14" s="59">
        <v>179046</v>
      </c>
      <c r="U14" s="59">
        <v>49483281</v>
      </c>
      <c r="V14" s="59" t="s">
        <v>116</v>
      </c>
      <c r="W14" s="59" t="s">
        <v>116</v>
      </c>
      <c r="X14" s="59" t="s">
        <v>116</v>
      </c>
      <c r="Y14" s="57"/>
      <c r="Z14" s="58" t="s">
        <v>118</v>
      </c>
      <c r="AA14" s="59" t="s">
        <v>116</v>
      </c>
      <c r="AB14" s="59" t="s">
        <v>116</v>
      </c>
      <c r="AC14" s="59" t="s">
        <v>116</v>
      </c>
      <c r="AD14" s="59">
        <v>11737416</v>
      </c>
      <c r="AE14" s="59">
        <v>254378</v>
      </c>
      <c r="AF14" s="59">
        <v>11991794</v>
      </c>
      <c r="AG14" s="59">
        <v>3505978</v>
      </c>
      <c r="AH14" s="59" t="s">
        <v>116</v>
      </c>
      <c r="AI14" s="59" t="s">
        <v>117</v>
      </c>
      <c r="AJ14" s="59" t="s">
        <v>117</v>
      </c>
      <c r="AK14" s="59" t="s">
        <v>117</v>
      </c>
      <c r="AL14" s="59" t="s">
        <v>117</v>
      </c>
      <c r="AM14" s="59" t="s">
        <v>117</v>
      </c>
      <c r="AN14" s="59" t="s">
        <v>117</v>
      </c>
      <c r="AO14" s="59" t="s">
        <v>117</v>
      </c>
      <c r="AP14" s="59" t="s">
        <v>117</v>
      </c>
      <c r="AQ14" s="59">
        <v>1115778</v>
      </c>
      <c r="AR14" s="59">
        <v>7082533</v>
      </c>
      <c r="AS14" s="59">
        <v>3638</v>
      </c>
      <c r="AT14" s="57"/>
      <c r="AU14" s="58" t="s">
        <v>118</v>
      </c>
      <c r="AV14" s="59" t="s">
        <v>116</v>
      </c>
      <c r="AW14" s="59">
        <v>543535</v>
      </c>
      <c r="AX14" s="59" t="s">
        <v>116</v>
      </c>
      <c r="AY14" s="60" t="s">
        <v>116</v>
      </c>
      <c r="AZ14" s="59">
        <v>179754</v>
      </c>
      <c r="BA14" s="59">
        <v>210301</v>
      </c>
      <c r="BB14" s="59">
        <v>6807</v>
      </c>
      <c r="BC14" s="59">
        <v>449116</v>
      </c>
      <c r="BD14" s="59">
        <v>0</v>
      </c>
      <c r="BE14" s="59">
        <v>76702374</v>
      </c>
      <c r="BF14" s="61"/>
    </row>
    <row r="15" spans="1:58" ht="15" hidden="1" customHeight="1">
      <c r="A15" s="57"/>
      <c r="B15" s="58" t="s">
        <v>119</v>
      </c>
      <c r="C15" s="59">
        <v>1613227</v>
      </c>
      <c r="D15" s="59">
        <v>38953160</v>
      </c>
      <c r="E15" s="59">
        <v>162083</v>
      </c>
      <c r="F15" s="59">
        <v>39115243</v>
      </c>
      <c r="G15" s="59">
        <v>4407585</v>
      </c>
      <c r="H15" s="60">
        <v>0</v>
      </c>
      <c r="I15" s="59">
        <v>145</v>
      </c>
      <c r="J15" s="59">
        <v>218499</v>
      </c>
      <c r="K15" s="59">
        <v>44735</v>
      </c>
      <c r="L15" s="59">
        <v>0</v>
      </c>
      <c r="M15" s="59">
        <v>9188</v>
      </c>
      <c r="N15" s="59">
        <v>43795395</v>
      </c>
      <c r="O15" s="59">
        <v>4651057</v>
      </c>
      <c r="P15" s="59">
        <v>597588</v>
      </c>
      <c r="Q15" s="60">
        <v>0</v>
      </c>
      <c r="R15" s="59">
        <v>19</v>
      </c>
      <c r="S15" s="59">
        <v>5248664</v>
      </c>
      <c r="T15" s="59">
        <v>181785</v>
      </c>
      <c r="U15" s="59">
        <v>49225844</v>
      </c>
      <c r="V15" s="59">
        <v>7232137</v>
      </c>
      <c r="W15" s="59">
        <v>1135</v>
      </c>
      <c r="X15" s="59">
        <v>7233272</v>
      </c>
      <c r="Y15" s="57"/>
      <c r="Z15" s="58" t="s">
        <v>119</v>
      </c>
      <c r="AA15" s="59">
        <v>18227</v>
      </c>
      <c r="AB15" s="59">
        <v>1040</v>
      </c>
      <c r="AC15" s="59">
        <v>19267</v>
      </c>
      <c r="AD15" s="59">
        <v>1878403</v>
      </c>
      <c r="AE15" s="59">
        <v>23149</v>
      </c>
      <c r="AF15" s="59">
        <v>1901552</v>
      </c>
      <c r="AG15" s="59">
        <v>3205542</v>
      </c>
      <c r="AH15" s="59" t="s">
        <v>116</v>
      </c>
      <c r="AI15" s="59" t="s">
        <v>117</v>
      </c>
      <c r="AJ15" s="59" t="s">
        <v>117</v>
      </c>
      <c r="AK15" s="59" t="s">
        <v>117</v>
      </c>
      <c r="AL15" s="59" t="s">
        <v>117</v>
      </c>
      <c r="AM15" s="59" t="s">
        <v>117</v>
      </c>
      <c r="AN15" s="59" t="s">
        <v>117</v>
      </c>
      <c r="AO15" s="59" t="s">
        <v>117</v>
      </c>
      <c r="AP15" s="59" t="s">
        <v>117</v>
      </c>
      <c r="AQ15" s="59">
        <v>1146253</v>
      </c>
      <c r="AR15" s="59">
        <v>7134629</v>
      </c>
      <c r="AS15" s="59">
        <v>4876</v>
      </c>
      <c r="AT15" s="57"/>
      <c r="AU15" s="58" t="s">
        <v>119</v>
      </c>
      <c r="AV15" s="59">
        <v>420937</v>
      </c>
      <c r="AW15" s="59">
        <v>288189</v>
      </c>
      <c r="AX15" s="59">
        <v>32856</v>
      </c>
      <c r="AY15" s="60" t="s">
        <v>116</v>
      </c>
      <c r="AZ15" s="59">
        <v>243570</v>
      </c>
      <c r="BA15" s="59">
        <v>353275</v>
      </c>
      <c r="BB15" s="59">
        <v>2719</v>
      </c>
      <c r="BC15" s="59">
        <v>340133</v>
      </c>
      <c r="BD15" s="59">
        <v>0</v>
      </c>
      <c r="BE15" s="59">
        <v>73166141</v>
      </c>
      <c r="BF15" s="61"/>
    </row>
    <row r="16" spans="1:58" ht="15" hidden="1" customHeight="1">
      <c r="A16" s="57"/>
      <c r="B16" s="58" t="s">
        <v>120</v>
      </c>
      <c r="C16" s="59">
        <v>1566052</v>
      </c>
      <c r="D16" s="59">
        <v>41133099</v>
      </c>
      <c r="E16" s="59">
        <v>194791</v>
      </c>
      <c r="F16" s="59">
        <v>41327890</v>
      </c>
      <c r="G16" s="59">
        <v>4978175</v>
      </c>
      <c r="H16" s="60">
        <v>1301</v>
      </c>
      <c r="I16" s="59">
        <v>402</v>
      </c>
      <c r="J16" s="59">
        <v>206407</v>
      </c>
      <c r="K16" s="59">
        <v>36685</v>
      </c>
      <c r="L16" s="59">
        <v>0</v>
      </c>
      <c r="M16" s="59">
        <v>10349</v>
      </c>
      <c r="N16" s="59">
        <v>46561210</v>
      </c>
      <c r="O16" s="59">
        <v>3502413</v>
      </c>
      <c r="P16" s="59">
        <v>454825</v>
      </c>
      <c r="Q16" s="60">
        <v>42</v>
      </c>
      <c r="R16" s="59">
        <v>32</v>
      </c>
      <c r="S16" s="59">
        <v>3957311</v>
      </c>
      <c r="T16" s="59">
        <v>184869</v>
      </c>
      <c r="U16" s="59">
        <v>50703390</v>
      </c>
      <c r="V16" s="59">
        <v>7976442</v>
      </c>
      <c r="W16" s="59">
        <v>1085</v>
      </c>
      <c r="X16" s="59">
        <v>7977528</v>
      </c>
      <c r="Y16" s="57"/>
      <c r="Z16" s="58" t="s">
        <v>120</v>
      </c>
      <c r="AA16" s="59">
        <v>41136</v>
      </c>
      <c r="AB16" s="59">
        <v>975</v>
      </c>
      <c r="AC16" s="59">
        <v>42111</v>
      </c>
      <c r="AD16" s="59">
        <v>595358</v>
      </c>
      <c r="AE16" s="59">
        <v>690</v>
      </c>
      <c r="AF16" s="59">
        <v>596048</v>
      </c>
      <c r="AG16" s="59">
        <v>3047093</v>
      </c>
      <c r="AH16" s="59" t="s">
        <v>116</v>
      </c>
      <c r="AI16" s="59" t="s">
        <v>117</v>
      </c>
      <c r="AJ16" s="59" t="s">
        <v>117</v>
      </c>
      <c r="AK16" s="59" t="s">
        <v>117</v>
      </c>
      <c r="AL16" s="59" t="s">
        <v>117</v>
      </c>
      <c r="AM16" s="59" t="s">
        <v>117</v>
      </c>
      <c r="AN16" s="59" t="s">
        <v>117</v>
      </c>
      <c r="AO16" s="59" t="s">
        <v>117</v>
      </c>
      <c r="AP16" s="59" t="s">
        <v>117</v>
      </c>
      <c r="AQ16" s="59">
        <v>1248461</v>
      </c>
      <c r="AR16" s="59">
        <v>7250463</v>
      </c>
      <c r="AS16" s="59">
        <v>5028</v>
      </c>
      <c r="AT16" s="57"/>
      <c r="AU16" s="58" t="s">
        <v>120</v>
      </c>
      <c r="AV16" s="59">
        <v>430056</v>
      </c>
      <c r="AW16" s="59">
        <v>300742</v>
      </c>
      <c r="AX16" s="59">
        <v>14186</v>
      </c>
      <c r="AY16" s="60" t="s">
        <v>116</v>
      </c>
      <c r="AZ16" s="59">
        <v>196350</v>
      </c>
      <c r="BA16" s="59">
        <v>392898</v>
      </c>
      <c r="BB16" s="59">
        <v>1487</v>
      </c>
      <c r="BC16" s="59">
        <v>268409</v>
      </c>
      <c r="BD16" s="59">
        <v>0</v>
      </c>
      <c r="BE16" s="59">
        <v>74040301</v>
      </c>
      <c r="BF16" s="61"/>
    </row>
    <row r="17" spans="1:58" ht="15" hidden="1" customHeight="1">
      <c r="A17" s="57"/>
      <c r="B17" s="58" t="s">
        <v>121</v>
      </c>
      <c r="C17" s="59">
        <v>1627835</v>
      </c>
      <c r="D17" s="59">
        <v>41261310</v>
      </c>
      <c r="E17" s="59">
        <v>197401</v>
      </c>
      <c r="F17" s="59">
        <v>41458711</v>
      </c>
      <c r="G17" s="59">
        <v>5235489</v>
      </c>
      <c r="H17" s="60">
        <v>2419</v>
      </c>
      <c r="I17" s="59">
        <v>205</v>
      </c>
      <c r="J17" s="59">
        <v>244015</v>
      </c>
      <c r="K17" s="59">
        <v>37320</v>
      </c>
      <c r="L17" s="59">
        <v>0</v>
      </c>
      <c r="M17" s="59">
        <v>12904</v>
      </c>
      <c r="N17" s="59">
        <v>46991063</v>
      </c>
      <c r="O17" s="59">
        <v>3917397</v>
      </c>
      <c r="P17" s="59">
        <v>529629</v>
      </c>
      <c r="Q17" s="60">
        <v>114</v>
      </c>
      <c r="R17" s="59">
        <v>8</v>
      </c>
      <c r="S17" s="59">
        <v>4447148</v>
      </c>
      <c r="T17" s="59">
        <v>181703</v>
      </c>
      <c r="U17" s="59">
        <v>51619914</v>
      </c>
      <c r="V17" s="59">
        <v>7119192</v>
      </c>
      <c r="W17" s="59">
        <v>926</v>
      </c>
      <c r="X17" s="59">
        <v>7120118</v>
      </c>
      <c r="Y17" s="57"/>
      <c r="Z17" s="58" t="s">
        <v>121</v>
      </c>
      <c r="AA17" s="59">
        <v>48272</v>
      </c>
      <c r="AB17" s="59">
        <v>908</v>
      </c>
      <c r="AC17" s="59">
        <v>49180</v>
      </c>
      <c r="AD17" s="59">
        <v>110830</v>
      </c>
      <c r="AE17" s="59">
        <v>574</v>
      </c>
      <c r="AF17" s="59">
        <v>111404</v>
      </c>
      <c r="AG17" s="59">
        <v>3224947</v>
      </c>
      <c r="AH17" s="59" t="s">
        <v>116</v>
      </c>
      <c r="AI17" s="59" t="s">
        <v>117</v>
      </c>
      <c r="AJ17" s="59" t="s">
        <v>117</v>
      </c>
      <c r="AK17" s="59" t="s">
        <v>117</v>
      </c>
      <c r="AL17" s="59" t="s">
        <v>117</v>
      </c>
      <c r="AM17" s="59" t="s">
        <v>117</v>
      </c>
      <c r="AN17" s="59" t="s">
        <v>117</v>
      </c>
      <c r="AO17" s="59" t="s">
        <v>117</v>
      </c>
      <c r="AP17" s="59" t="s">
        <v>117</v>
      </c>
      <c r="AQ17" s="59">
        <v>1404536</v>
      </c>
      <c r="AR17" s="59">
        <v>7499032</v>
      </c>
      <c r="AS17" s="59">
        <v>4938</v>
      </c>
      <c r="AT17" s="57"/>
      <c r="AU17" s="58" t="s">
        <v>121</v>
      </c>
      <c r="AV17" s="59">
        <v>467063</v>
      </c>
      <c r="AW17" s="59">
        <v>312845</v>
      </c>
      <c r="AX17" s="59">
        <v>13155</v>
      </c>
      <c r="AY17" s="60" t="s">
        <v>116</v>
      </c>
      <c r="AZ17" s="59">
        <v>175617</v>
      </c>
      <c r="BA17" s="59">
        <v>228677</v>
      </c>
      <c r="BB17" s="59">
        <v>1113</v>
      </c>
      <c r="BC17" s="59">
        <v>659472</v>
      </c>
      <c r="BD17" s="59">
        <v>0</v>
      </c>
      <c r="BE17" s="59">
        <v>74519847</v>
      </c>
      <c r="BF17" s="61"/>
    </row>
    <row r="18" spans="1:58" ht="15" hidden="1" customHeight="1">
      <c r="A18" s="57"/>
      <c r="B18" s="58" t="s">
        <v>122</v>
      </c>
      <c r="C18" s="59">
        <v>1461734</v>
      </c>
      <c r="D18" s="59">
        <v>41197214</v>
      </c>
      <c r="E18" s="59">
        <v>196831</v>
      </c>
      <c r="F18" s="59">
        <v>41394045</v>
      </c>
      <c r="G18" s="59">
        <v>5331600</v>
      </c>
      <c r="H18" s="60">
        <v>2065</v>
      </c>
      <c r="I18" s="59">
        <v>318</v>
      </c>
      <c r="J18" s="59">
        <v>215458</v>
      </c>
      <c r="K18" s="59">
        <v>34225</v>
      </c>
      <c r="L18" s="59">
        <v>0</v>
      </c>
      <c r="M18" s="59">
        <v>9261</v>
      </c>
      <c r="N18" s="59">
        <v>46986972</v>
      </c>
      <c r="O18" s="59">
        <v>4417546</v>
      </c>
      <c r="P18" s="59">
        <v>629300</v>
      </c>
      <c r="Q18" s="60">
        <v>142</v>
      </c>
      <c r="R18" s="59">
        <v>35</v>
      </c>
      <c r="S18" s="59">
        <v>5047022</v>
      </c>
      <c r="T18" s="59">
        <v>181060</v>
      </c>
      <c r="U18" s="59">
        <v>52215055</v>
      </c>
      <c r="V18" s="59">
        <v>7695373</v>
      </c>
      <c r="W18" s="59">
        <v>773</v>
      </c>
      <c r="X18" s="59">
        <v>7696146</v>
      </c>
      <c r="Y18" s="57"/>
      <c r="Z18" s="58" t="s">
        <v>122</v>
      </c>
      <c r="AA18" s="59">
        <v>101068</v>
      </c>
      <c r="AB18" s="59">
        <v>756</v>
      </c>
      <c r="AC18" s="59">
        <v>101823</v>
      </c>
      <c r="AD18" s="59">
        <v>2874</v>
      </c>
      <c r="AE18" s="59">
        <v>546</v>
      </c>
      <c r="AF18" s="59">
        <v>3420</v>
      </c>
      <c r="AG18" s="59">
        <v>3491709</v>
      </c>
      <c r="AH18" s="59" t="s">
        <v>116</v>
      </c>
      <c r="AI18" s="59" t="s">
        <v>117</v>
      </c>
      <c r="AJ18" s="59" t="s">
        <v>117</v>
      </c>
      <c r="AK18" s="59" t="s">
        <v>117</v>
      </c>
      <c r="AL18" s="59" t="s">
        <v>117</v>
      </c>
      <c r="AM18" s="59" t="s">
        <v>117</v>
      </c>
      <c r="AN18" s="59" t="s">
        <v>117</v>
      </c>
      <c r="AO18" s="59" t="s">
        <v>117</v>
      </c>
      <c r="AP18" s="59" t="s">
        <v>117</v>
      </c>
      <c r="AQ18" s="59">
        <v>1541240</v>
      </c>
      <c r="AR18" s="59">
        <v>7465732</v>
      </c>
      <c r="AS18" s="59">
        <v>4969</v>
      </c>
      <c r="AT18" s="57"/>
      <c r="AU18" s="58" t="s">
        <v>122</v>
      </c>
      <c r="AV18" s="59">
        <v>470565</v>
      </c>
      <c r="AW18" s="59">
        <v>282542</v>
      </c>
      <c r="AX18" s="59">
        <v>12907</v>
      </c>
      <c r="AY18" s="60" t="s">
        <v>116</v>
      </c>
      <c r="AZ18" s="59">
        <v>218023</v>
      </c>
      <c r="BA18" s="59">
        <v>207950</v>
      </c>
      <c r="BB18" s="59">
        <v>858</v>
      </c>
      <c r="BC18" s="59">
        <v>1093254</v>
      </c>
      <c r="BD18" s="59">
        <v>0</v>
      </c>
      <c r="BE18" s="59">
        <v>76267927</v>
      </c>
      <c r="BF18" s="61"/>
    </row>
    <row r="19" spans="1:58" ht="15" hidden="1" customHeight="1">
      <c r="A19" s="57"/>
      <c r="B19" s="58" t="s">
        <v>123</v>
      </c>
      <c r="C19" s="59">
        <v>1424234</v>
      </c>
      <c r="D19" s="59">
        <v>41722359</v>
      </c>
      <c r="E19" s="59">
        <v>198480</v>
      </c>
      <c r="F19" s="59">
        <v>41920839</v>
      </c>
      <c r="G19" s="59">
        <v>5685671</v>
      </c>
      <c r="H19" s="60">
        <v>3569</v>
      </c>
      <c r="I19" s="59">
        <v>199</v>
      </c>
      <c r="J19" s="59">
        <v>204461</v>
      </c>
      <c r="K19" s="59">
        <v>36090</v>
      </c>
      <c r="L19" s="59">
        <v>0</v>
      </c>
      <c r="M19" s="59">
        <v>5433</v>
      </c>
      <c r="N19" s="59">
        <v>47856262</v>
      </c>
      <c r="O19" s="59">
        <v>4386667</v>
      </c>
      <c r="P19" s="59">
        <v>644841</v>
      </c>
      <c r="Q19" s="60">
        <v>175</v>
      </c>
      <c r="R19" s="59">
        <v>48</v>
      </c>
      <c r="S19" s="59">
        <v>5031730</v>
      </c>
      <c r="T19" s="59">
        <v>175350</v>
      </c>
      <c r="U19" s="59">
        <v>53063342</v>
      </c>
      <c r="V19" s="59">
        <v>8286695</v>
      </c>
      <c r="W19" s="59">
        <v>637</v>
      </c>
      <c r="X19" s="59">
        <v>8287332</v>
      </c>
      <c r="Y19" s="57"/>
      <c r="Z19" s="58" t="s">
        <v>123</v>
      </c>
      <c r="AA19" s="59">
        <v>110820</v>
      </c>
      <c r="AB19" s="59">
        <v>620</v>
      </c>
      <c r="AC19" s="59">
        <v>111440</v>
      </c>
      <c r="AD19" s="59">
        <v>1202</v>
      </c>
      <c r="AE19" s="59">
        <v>463</v>
      </c>
      <c r="AF19" s="59">
        <v>1665</v>
      </c>
      <c r="AG19" s="59">
        <v>3661151</v>
      </c>
      <c r="AH19" s="59" t="s">
        <v>116</v>
      </c>
      <c r="AI19" s="59" t="s">
        <v>117</v>
      </c>
      <c r="AJ19" s="59" t="s">
        <v>117</v>
      </c>
      <c r="AK19" s="59" t="s">
        <v>117</v>
      </c>
      <c r="AL19" s="59" t="s">
        <v>117</v>
      </c>
      <c r="AM19" s="59" t="s">
        <v>117</v>
      </c>
      <c r="AN19" s="59" t="s">
        <v>117</v>
      </c>
      <c r="AO19" s="59" t="s">
        <v>117</v>
      </c>
      <c r="AP19" s="59" t="s">
        <v>117</v>
      </c>
      <c r="AQ19" s="59">
        <v>1531187</v>
      </c>
      <c r="AR19" s="59">
        <v>7475538</v>
      </c>
      <c r="AS19" s="59">
        <v>7296</v>
      </c>
      <c r="AT19" s="57"/>
      <c r="AU19" s="58" t="s">
        <v>123</v>
      </c>
      <c r="AV19" s="59">
        <v>517566</v>
      </c>
      <c r="AW19" s="59">
        <v>281400</v>
      </c>
      <c r="AX19" s="59">
        <v>13911</v>
      </c>
      <c r="AY19" s="60" t="s">
        <v>116</v>
      </c>
      <c r="AZ19" s="59">
        <v>175036</v>
      </c>
      <c r="BA19" s="59">
        <v>448638</v>
      </c>
      <c r="BB19" s="59">
        <v>634</v>
      </c>
      <c r="BC19" s="59">
        <v>1251484</v>
      </c>
      <c r="BD19" s="59">
        <v>0</v>
      </c>
      <c r="BE19" s="59">
        <v>78251853</v>
      </c>
      <c r="BF19" s="61"/>
    </row>
    <row r="20" spans="1:58" ht="15" hidden="1" customHeight="1">
      <c r="A20" s="62"/>
      <c r="B20" s="58" t="s">
        <v>124</v>
      </c>
      <c r="C20" s="59">
        <v>1434417</v>
      </c>
      <c r="D20" s="59">
        <v>42303980</v>
      </c>
      <c r="E20" s="59">
        <v>200310</v>
      </c>
      <c r="F20" s="59">
        <v>42504289</v>
      </c>
      <c r="G20" s="59">
        <v>5852104</v>
      </c>
      <c r="H20" s="60">
        <v>3793</v>
      </c>
      <c r="I20" s="59">
        <v>185</v>
      </c>
      <c r="J20" s="59">
        <v>208348</v>
      </c>
      <c r="K20" s="59">
        <v>35485</v>
      </c>
      <c r="L20" s="59">
        <v>1</v>
      </c>
      <c r="M20" s="59">
        <v>4684</v>
      </c>
      <c r="N20" s="59">
        <v>48608890</v>
      </c>
      <c r="O20" s="59">
        <v>4166868</v>
      </c>
      <c r="P20" s="59">
        <v>658042</v>
      </c>
      <c r="Q20" s="60">
        <v>288</v>
      </c>
      <c r="R20" s="59">
        <v>65</v>
      </c>
      <c r="S20" s="59">
        <v>4825263</v>
      </c>
      <c r="T20" s="59">
        <v>174317</v>
      </c>
      <c r="U20" s="59">
        <v>53608471</v>
      </c>
      <c r="V20" s="59">
        <v>8437471</v>
      </c>
      <c r="W20" s="59">
        <v>706</v>
      </c>
      <c r="X20" s="59">
        <v>8438177</v>
      </c>
      <c r="Y20" s="62"/>
      <c r="Z20" s="58" t="s">
        <v>124</v>
      </c>
      <c r="AA20" s="59">
        <v>53793</v>
      </c>
      <c r="AB20" s="59">
        <v>706</v>
      </c>
      <c r="AC20" s="59">
        <v>54498</v>
      </c>
      <c r="AD20" s="59">
        <v>195</v>
      </c>
      <c r="AE20" s="59">
        <v>408</v>
      </c>
      <c r="AF20" s="59">
        <v>603</v>
      </c>
      <c r="AG20" s="59">
        <v>3731564</v>
      </c>
      <c r="AH20" s="59" t="s">
        <v>116</v>
      </c>
      <c r="AI20" s="59" t="s">
        <v>117</v>
      </c>
      <c r="AJ20" s="59" t="s">
        <v>117</v>
      </c>
      <c r="AK20" s="59" t="s">
        <v>117</v>
      </c>
      <c r="AL20" s="59" t="s">
        <v>117</v>
      </c>
      <c r="AM20" s="59" t="s">
        <v>117</v>
      </c>
      <c r="AN20" s="59" t="s">
        <v>117</v>
      </c>
      <c r="AO20" s="59" t="s">
        <v>117</v>
      </c>
      <c r="AP20" s="59" t="s">
        <v>117</v>
      </c>
      <c r="AQ20" s="59">
        <v>1566585</v>
      </c>
      <c r="AR20" s="59">
        <v>7376723</v>
      </c>
      <c r="AS20" s="59">
        <v>4897</v>
      </c>
      <c r="AT20" s="62"/>
      <c r="AU20" s="58" t="s">
        <v>124</v>
      </c>
      <c r="AV20" s="59">
        <v>509339</v>
      </c>
      <c r="AW20" s="59">
        <v>260416</v>
      </c>
      <c r="AX20" s="59">
        <v>15024</v>
      </c>
      <c r="AY20" s="60" t="s">
        <v>116</v>
      </c>
      <c r="AZ20" s="59">
        <v>187523</v>
      </c>
      <c r="BA20" s="59">
        <v>481509</v>
      </c>
      <c r="BB20" s="59">
        <v>334</v>
      </c>
      <c r="BC20" s="59">
        <v>1012000</v>
      </c>
      <c r="BD20" s="59">
        <v>0</v>
      </c>
      <c r="BE20" s="59">
        <v>78682081</v>
      </c>
      <c r="BF20" s="63"/>
    </row>
    <row r="21" spans="1:58" ht="15" hidden="1" customHeight="1">
      <c r="A21" s="62"/>
      <c r="B21" s="58" t="s">
        <v>125</v>
      </c>
      <c r="C21" s="59">
        <v>1474671</v>
      </c>
      <c r="D21" s="59">
        <v>43281117</v>
      </c>
      <c r="E21" s="59">
        <v>208092</v>
      </c>
      <c r="F21" s="59">
        <v>43489208</v>
      </c>
      <c r="G21" s="59">
        <v>5907966</v>
      </c>
      <c r="H21" s="60">
        <v>3708</v>
      </c>
      <c r="I21" s="59">
        <v>399</v>
      </c>
      <c r="J21" s="59">
        <v>158270</v>
      </c>
      <c r="K21" s="59">
        <v>34685</v>
      </c>
      <c r="L21" s="59">
        <v>1</v>
      </c>
      <c r="M21" s="59">
        <v>8204</v>
      </c>
      <c r="N21" s="59">
        <v>49602441</v>
      </c>
      <c r="O21" s="59">
        <v>3560321</v>
      </c>
      <c r="P21" s="59">
        <v>570150</v>
      </c>
      <c r="Q21" s="60">
        <v>183</v>
      </c>
      <c r="R21" s="59">
        <v>16</v>
      </c>
      <c r="S21" s="59">
        <v>4130671</v>
      </c>
      <c r="T21" s="59">
        <v>88783</v>
      </c>
      <c r="U21" s="59">
        <v>53821895</v>
      </c>
      <c r="V21" s="59">
        <v>8386351</v>
      </c>
      <c r="W21" s="59">
        <v>609</v>
      </c>
      <c r="X21" s="59">
        <v>8386960</v>
      </c>
      <c r="Y21" s="62"/>
      <c r="Z21" s="58" t="s">
        <v>125</v>
      </c>
      <c r="AA21" s="59">
        <v>26533</v>
      </c>
      <c r="AB21" s="59">
        <v>609</v>
      </c>
      <c r="AC21" s="59">
        <v>27142</v>
      </c>
      <c r="AD21" s="59">
        <v>0</v>
      </c>
      <c r="AE21" s="59">
        <v>381</v>
      </c>
      <c r="AF21" s="59">
        <v>381</v>
      </c>
      <c r="AG21" s="59">
        <v>3570023</v>
      </c>
      <c r="AH21" s="59" t="s">
        <v>116</v>
      </c>
      <c r="AI21" s="59" t="s">
        <v>117</v>
      </c>
      <c r="AJ21" s="59" t="s">
        <v>117</v>
      </c>
      <c r="AK21" s="59" t="s">
        <v>117</v>
      </c>
      <c r="AL21" s="59" t="s">
        <v>117</v>
      </c>
      <c r="AM21" s="59" t="s">
        <v>117</v>
      </c>
      <c r="AN21" s="59" t="s">
        <v>117</v>
      </c>
      <c r="AO21" s="59" t="s">
        <v>117</v>
      </c>
      <c r="AP21" s="59" t="s">
        <v>117</v>
      </c>
      <c r="AQ21" s="59">
        <v>1629539</v>
      </c>
      <c r="AR21" s="59">
        <v>7311845</v>
      </c>
      <c r="AS21" s="59">
        <v>4895</v>
      </c>
      <c r="AT21" s="62"/>
      <c r="AU21" s="58" t="s">
        <v>125</v>
      </c>
      <c r="AV21" s="59">
        <v>531552</v>
      </c>
      <c r="AW21" s="59">
        <v>260853</v>
      </c>
      <c r="AX21" s="59">
        <v>16399</v>
      </c>
      <c r="AY21" s="60" t="s">
        <v>116</v>
      </c>
      <c r="AZ21" s="59">
        <v>228544</v>
      </c>
      <c r="BA21" s="59">
        <v>328114</v>
      </c>
      <c r="BB21" s="59">
        <v>193</v>
      </c>
      <c r="BC21" s="59">
        <v>893487</v>
      </c>
      <c r="BD21" s="59">
        <v>0</v>
      </c>
      <c r="BE21" s="59">
        <v>78486495</v>
      </c>
      <c r="BF21" s="63"/>
    </row>
    <row r="22" spans="1:58" ht="15" hidden="1" customHeight="1">
      <c r="A22" s="62"/>
      <c r="B22" s="58" t="s">
        <v>126</v>
      </c>
      <c r="C22" s="59">
        <v>1493146</v>
      </c>
      <c r="D22" s="59">
        <v>45196417</v>
      </c>
      <c r="E22" s="59">
        <v>199351</v>
      </c>
      <c r="F22" s="59">
        <v>45395768</v>
      </c>
      <c r="G22" s="59">
        <v>6642237</v>
      </c>
      <c r="H22" s="60">
        <v>3927</v>
      </c>
      <c r="I22" s="59">
        <v>337</v>
      </c>
      <c r="J22" s="59">
        <v>173401</v>
      </c>
      <c r="K22" s="59">
        <v>33775</v>
      </c>
      <c r="L22" s="59">
        <v>0</v>
      </c>
      <c r="M22" s="59">
        <v>5532</v>
      </c>
      <c r="N22" s="59">
        <v>52254977</v>
      </c>
      <c r="O22" s="59">
        <v>2978938</v>
      </c>
      <c r="P22" s="59">
        <v>523673</v>
      </c>
      <c r="Q22" s="60">
        <v>312</v>
      </c>
      <c r="R22" s="59">
        <v>16</v>
      </c>
      <c r="S22" s="59">
        <v>3502939</v>
      </c>
      <c r="T22" s="59">
        <v>145673</v>
      </c>
      <c r="U22" s="59">
        <v>55903589</v>
      </c>
      <c r="V22" s="59">
        <v>8276112</v>
      </c>
      <c r="W22" s="59">
        <v>561</v>
      </c>
      <c r="X22" s="59">
        <v>8276673</v>
      </c>
      <c r="Y22" s="62"/>
      <c r="Z22" s="58" t="s">
        <v>126</v>
      </c>
      <c r="AA22" s="59">
        <v>25183</v>
      </c>
      <c r="AB22" s="59">
        <v>577</v>
      </c>
      <c r="AC22" s="59">
        <v>25760</v>
      </c>
      <c r="AD22" s="59">
        <v>0</v>
      </c>
      <c r="AE22" s="59">
        <v>381</v>
      </c>
      <c r="AF22" s="59">
        <v>381</v>
      </c>
      <c r="AG22" s="59">
        <v>3075674</v>
      </c>
      <c r="AH22" s="59" t="s">
        <v>116</v>
      </c>
      <c r="AI22" s="59" t="s">
        <v>117</v>
      </c>
      <c r="AJ22" s="59" t="s">
        <v>117</v>
      </c>
      <c r="AK22" s="59" t="s">
        <v>117</v>
      </c>
      <c r="AL22" s="59" t="s">
        <v>117</v>
      </c>
      <c r="AM22" s="59" t="s">
        <v>117</v>
      </c>
      <c r="AN22" s="59" t="s">
        <v>117</v>
      </c>
      <c r="AO22" s="59" t="s">
        <v>117</v>
      </c>
      <c r="AP22" s="59" t="s">
        <v>117</v>
      </c>
      <c r="AQ22" s="59">
        <v>1782258</v>
      </c>
      <c r="AR22" s="59">
        <v>15971564</v>
      </c>
      <c r="AS22" s="59">
        <v>4934</v>
      </c>
      <c r="AT22" s="62"/>
      <c r="AU22" s="58" t="s">
        <v>126</v>
      </c>
      <c r="AV22" s="59">
        <v>544995</v>
      </c>
      <c r="AW22" s="59">
        <v>244570</v>
      </c>
      <c r="AX22" s="59">
        <v>16110</v>
      </c>
      <c r="AY22" s="60" t="s">
        <v>116</v>
      </c>
      <c r="AZ22" s="59">
        <v>241438</v>
      </c>
      <c r="BA22" s="59">
        <v>112108</v>
      </c>
      <c r="BB22" s="59">
        <v>327</v>
      </c>
      <c r="BC22" s="59">
        <v>717043</v>
      </c>
      <c r="BD22" s="59">
        <v>0</v>
      </c>
      <c r="BE22" s="59">
        <v>88410569</v>
      </c>
      <c r="BF22" s="63"/>
    </row>
    <row r="23" spans="1:58" ht="15" hidden="1" customHeight="1">
      <c r="A23" s="62"/>
      <c r="B23" s="58" t="s">
        <v>127</v>
      </c>
      <c r="C23" s="59">
        <v>1445963</v>
      </c>
      <c r="D23" s="59">
        <v>44460745</v>
      </c>
      <c r="E23" s="59">
        <v>196411</v>
      </c>
      <c r="F23" s="59">
        <v>44657157</v>
      </c>
      <c r="G23" s="59">
        <v>6812811</v>
      </c>
      <c r="H23" s="60">
        <v>4707</v>
      </c>
      <c r="I23" s="59">
        <v>182</v>
      </c>
      <c r="J23" s="59">
        <v>164070</v>
      </c>
      <c r="K23" s="59">
        <v>33720</v>
      </c>
      <c r="L23" s="59">
        <v>0</v>
      </c>
      <c r="M23" s="59">
        <v>6527</v>
      </c>
      <c r="N23" s="59">
        <v>51679174</v>
      </c>
      <c r="O23" s="59">
        <v>1791024</v>
      </c>
      <c r="P23" s="59">
        <v>346052</v>
      </c>
      <c r="Q23" s="60">
        <v>269</v>
      </c>
      <c r="R23" s="59">
        <v>16</v>
      </c>
      <c r="S23" s="59">
        <v>2137361</v>
      </c>
      <c r="T23" s="59">
        <v>139875</v>
      </c>
      <c r="U23" s="59">
        <v>53956410</v>
      </c>
      <c r="V23" s="59">
        <v>7896510</v>
      </c>
      <c r="W23" s="59">
        <v>571</v>
      </c>
      <c r="X23" s="59">
        <v>7897081</v>
      </c>
      <c r="Y23" s="62"/>
      <c r="Z23" s="58" t="s">
        <v>127</v>
      </c>
      <c r="AA23" s="59">
        <v>38017</v>
      </c>
      <c r="AB23" s="59">
        <v>558</v>
      </c>
      <c r="AC23" s="59">
        <v>38575</v>
      </c>
      <c r="AD23" s="59">
        <v>0</v>
      </c>
      <c r="AE23" s="59">
        <v>299</v>
      </c>
      <c r="AF23" s="59">
        <v>299</v>
      </c>
      <c r="AG23" s="59">
        <v>2788354</v>
      </c>
      <c r="AH23" s="59" t="s">
        <v>116</v>
      </c>
      <c r="AI23" s="59" t="s">
        <v>117</v>
      </c>
      <c r="AJ23" s="59" t="s">
        <v>117</v>
      </c>
      <c r="AK23" s="59" t="s">
        <v>117</v>
      </c>
      <c r="AL23" s="59" t="s">
        <v>117</v>
      </c>
      <c r="AM23" s="59" t="s">
        <v>117</v>
      </c>
      <c r="AN23" s="59" t="s">
        <v>117</v>
      </c>
      <c r="AO23" s="59" t="s">
        <v>117</v>
      </c>
      <c r="AP23" s="59" t="s">
        <v>117</v>
      </c>
      <c r="AQ23" s="59">
        <v>2000617</v>
      </c>
      <c r="AR23" s="59">
        <v>15570260</v>
      </c>
      <c r="AS23" s="59">
        <v>4928</v>
      </c>
      <c r="AT23" s="62"/>
      <c r="AU23" s="58" t="s">
        <v>127</v>
      </c>
      <c r="AV23" s="59">
        <v>524109</v>
      </c>
      <c r="AW23" s="59">
        <v>210075</v>
      </c>
      <c r="AX23" s="59">
        <v>15181</v>
      </c>
      <c r="AY23" s="60" t="s">
        <v>116</v>
      </c>
      <c r="AZ23" s="59">
        <v>219436</v>
      </c>
      <c r="BA23" s="59">
        <v>586564</v>
      </c>
      <c r="BB23" s="59">
        <v>225</v>
      </c>
      <c r="BC23" s="59">
        <v>422778</v>
      </c>
      <c r="BD23" s="59">
        <v>0</v>
      </c>
      <c r="BE23" s="59">
        <v>85680856</v>
      </c>
      <c r="BF23" s="63"/>
    </row>
    <row r="24" spans="1:58" ht="15" hidden="1" customHeight="1">
      <c r="A24" s="62"/>
      <c r="B24" s="58" t="s">
        <v>128</v>
      </c>
      <c r="C24" s="59">
        <v>1605381</v>
      </c>
      <c r="D24" s="59">
        <v>44455203</v>
      </c>
      <c r="E24" s="59">
        <v>170290</v>
      </c>
      <c r="F24" s="59">
        <v>44625493</v>
      </c>
      <c r="G24" s="59">
        <v>6777523</v>
      </c>
      <c r="H24" s="60">
        <v>5204</v>
      </c>
      <c r="I24" s="59">
        <v>3588</v>
      </c>
      <c r="J24" s="59">
        <v>127026</v>
      </c>
      <c r="K24" s="59">
        <v>31425</v>
      </c>
      <c r="L24" s="59">
        <v>0</v>
      </c>
      <c r="M24" s="59">
        <v>6078</v>
      </c>
      <c r="N24" s="59">
        <v>51576337</v>
      </c>
      <c r="O24" s="59">
        <v>968376</v>
      </c>
      <c r="P24" s="59">
        <v>184137</v>
      </c>
      <c r="Q24" s="60">
        <v>179</v>
      </c>
      <c r="R24" s="59">
        <v>16</v>
      </c>
      <c r="S24" s="59">
        <v>1152708</v>
      </c>
      <c r="T24" s="59">
        <v>134598</v>
      </c>
      <c r="U24" s="59">
        <v>52863643</v>
      </c>
      <c r="V24" s="59">
        <v>7806727</v>
      </c>
      <c r="W24" s="59">
        <v>561</v>
      </c>
      <c r="X24" s="59">
        <v>7807288</v>
      </c>
      <c r="Y24" s="62"/>
      <c r="Z24" s="58" t="s">
        <v>128</v>
      </c>
      <c r="AA24" s="59">
        <v>69464</v>
      </c>
      <c r="AB24" s="59">
        <v>542</v>
      </c>
      <c r="AC24" s="59">
        <v>70006</v>
      </c>
      <c r="AD24" s="59">
        <v>0</v>
      </c>
      <c r="AE24" s="59">
        <v>191</v>
      </c>
      <c r="AF24" s="59">
        <v>191</v>
      </c>
      <c r="AG24" s="59">
        <v>2779842</v>
      </c>
      <c r="AH24" s="59" t="s">
        <v>116</v>
      </c>
      <c r="AI24" s="59" t="s">
        <v>117</v>
      </c>
      <c r="AJ24" s="59" t="s">
        <v>117</v>
      </c>
      <c r="AK24" s="59" t="s">
        <v>117</v>
      </c>
      <c r="AL24" s="59" t="s">
        <v>117</v>
      </c>
      <c r="AM24" s="59" t="s">
        <v>117</v>
      </c>
      <c r="AN24" s="59" t="s">
        <v>117</v>
      </c>
      <c r="AO24" s="59" t="s">
        <v>117</v>
      </c>
      <c r="AP24" s="59" t="s">
        <v>117</v>
      </c>
      <c r="AQ24" s="59">
        <v>1718127</v>
      </c>
      <c r="AR24" s="59">
        <v>14982701</v>
      </c>
      <c r="AS24" s="59">
        <v>4887</v>
      </c>
      <c r="AT24" s="62"/>
      <c r="AU24" s="58" t="s">
        <v>128</v>
      </c>
      <c r="AV24" s="59">
        <v>524139</v>
      </c>
      <c r="AW24" s="59">
        <v>193584</v>
      </c>
      <c r="AX24" s="59">
        <v>28453</v>
      </c>
      <c r="AY24" s="60" t="s">
        <v>116</v>
      </c>
      <c r="AZ24" s="59">
        <v>284568</v>
      </c>
      <c r="BA24" s="59">
        <v>663954</v>
      </c>
      <c r="BB24" s="59">
        <v>32296</v>
      </c>
      <c r="BC24" s="59">
        <v>858297</v>
      </c>
      <c r="BD24" s="59">
        <v>0</v>
      </c>
      <c r="BE24" s="59">
        <v>84417356</v>
      </c>
      <c r="BF24" s="63"/>
    </row>
    <row r="25" spans="1:58" ht="15" hidden="1" customHeight="1">
      <c r="A25" s="62"/>
      <c r="B25" s="64" t="s">
        <v>129</v>
      </c>
      <c r="C25" s="59">
        <v>1465627</v>
      </c>
      <c r="D25" s="59">
        <v>44579934</v>
      </c>
      <c r="E25" s="59">
        <v>171521</v>
      </c>
      <c r="F25" s="59">
        <v>44751455</v>
      </c>
      <c r="G25" s="59">
        <v>6920663</v>
      </c>
      <c r="H25" s="60">
        <v>2906</v>
      </c>
      <c r="I25" s="59">
        <v>216</v>
      </c>
      <c r="J25" s="59">
        <v>122511</v>
      </c>
      <c r="K25" s="59">
        <v>30780</v>
      </c>
      <c r="L25" s="59">
        <v>0</v>
      </c>
      <c r="M25" s="59">
        <v>9875</v>
      </c>
      <c r="N25" s="59">
        <v>51838406</v>
      </c>
      <c r="O25" s="59">
        <v>409067</v>
      </c>
      <c r="P25" s="59">
        <v>83425</v>
      </c>
      <c r="Q25" s="60">
        <v>53</v>
      </c>
      <c r="R25" s="59">
        <v>0</v>
      </c>
      <c r="S25" s="59">
        <v>492545</v>
      </c>
      <c r="T25" s="59">
        <v>135730</v>
      </c>
      <c r="U25" s="59">
        <v>52466681</v>
      </c>
      <c r="V25" s="59">
        <v>113444</v>
      </c>
      <c r="W25" s="59">
        <v>9</v>
      </c>
      <c r="X25" s="59">
        <v>113452</v>
      </c>
      <c r="Y25" s="62"/>
      <c r="Z25" s="58" t="s">
        <v>129</v>
      </c>
      <c r="AA25" s="59">
        <v>24432</v>
      </c>
      <c r="AB25" s="59">
        <v>7</v>
      </c>
      <c r="AC25" s="59">
        <v>24439</v>
      </c>
      <c r="AD25" s="59" t="s">
        <v>117</v>
      </c>
      <c r="AE25" s="59" t="s">
        <v>117</v>
      </c>
      <c r="AF25" s="59" t="s">
        <v>117</v>
      </c>
      <c r="AG25" s="59">
        <v>70160</v>
      </c>
      <c r="AH25" s="59">
        <v>13120594</v>
      </c>
      <c r="AI25" s="59">
        <v>79389</v>
      </c>
      <c r="AJ25" s="59">
        <v>13199983</v>
      </c>
      <c r="AK25" s="59">
        <v>3918071</v>
      </c>
      <c r="AL25" s="59">
        <v>29196</v>
      </c>
      <c r="AM25" s="59">
        <v>3947267</v>
      </c>
      <c r="AN25" s="59">
        <v>1186485</v>
      </c>
      <c r="AO25" s="59">
        <v>18333735</v>
      </c>
      <c r="AP25" s="59">
        <v>0</v>
      </c>
      <c r="AQ25" s="59">
        <v>9423</v>
      </c>
      <c r="AR25" s="59" t="s">
        <v>117</v>
      </c>
      <c r="AS25" s="59" t="s">
        <v>117</v>
      </c>
      <c r="AT25" s="62"/>
      <c r="AU25" s="64" t="s">
        <v>129</v>
      </c>
      <c r="AV25" s="59">
        <v>539884</v>
      </c>
      <c r="AW25" s="59">
        <v>192524</v>
      </c>
      <c r="AX25" s="59">
        <v>14628</v>
      </c>
      <c r="AY25" s="60">
        <v>0</v>
      </c>
      <c r="AZ25" s="59">
        <v>234339</v>
      </c>
      <c r="BA25" s="59">
        <v>1591920</v>
      </c>
      <c r="BB25" s="59">
        <v>32346</v>
      </c>
      <c r="BC25" s="59">
        <v>979743</v>
      </c>
      <c r="BD25" s="59">
        <v>0</v>
      </c>
      <c r="BE25" s="59">
        <v>76068902</v>
      </c>
      <c r="BF25" s="63"/>
    </row>
    <row r="26" spans="1:58" ht="15" customHeight="1">
      <c r="A26" s="62"/>
      <c r="B26" s="64" t="s">
        <v>130</v>
      </c>
      <c r="C26" s="59">
        <v>1473635</v>
      </c>
      <c r="D26" s="59">
        <v>44958526</v>
      </c>
      <c r="E26" s="59">
        <v>172704</v>
      </c>
      <c r="F26" s="59">
        <v>45131230</v>
      </c>
      <c r="G26" s="59">
        <v>7058515</v>
      </c>
      <c r="H26" s="60">
        <v>6081</v>
      </c>
      <c r="I26" s="59">
        <v>220</v>
      </c>
      <c r="J26" s="59">
        <v>109559</v>
      </c>
      <c r="K26" s="59">
        <v>29740</v>
      </c>
      <c r="L26" s="59">
        <v>0</v>
      </c>
      <c r="M26" s="59">
        <v>5248</v>
      </c>
      <c r="N26" s="59">
        <v>52340594</v>
      </c>
      <c r="O26" s="59">
        <v>82781</v>
      </c>
      <c r="P26" s="59">
        <v>17143</v>
      </c>
      <c r="Q26" s="60">
        <v>196</v>
      </c>
      <c r="R26" s="59">
        <v>0</v>
      </c>
      <c r="S26" s="59">
        <v>100120</v>
      </c>
      <c r="T26" s="59">
        <v>133980</v>
      </c>
      <c r="U26" s="59">
        <v>52574694</v>
      </c>
      <c r="V26" s="59">
        <v>119427</v>
      </c>
      <c r="W26" s="59">
        <v>9</v>
      </c>
      <c r="X26" s="59">
        <v>119435</v>
      </c>
      <c r="Y26" s="62"/>
      <c r="Z26" s="58" t="s">
        <v>131</v>
      </c>
      <c r="AA26" s="59">
        <v>6</v>
      </c>
      <c r="AB26" s="59">
        <v>7</v>
      </c>
      <c r="AC26" s="59">
        <v>13</v>
      </c>
      <c r="AD26" s="59" t="s">
        <v>117</v>
      </c>
      <c r="AE26" s="59" t="s">
        <v>117</v>
      </c>
      <c r="AF26" s="59" t="s">
        <v>117</v>
      </c>
      <c r="AG26" s="59">
        <v>73926</v>
      </c>
      <c r="AH26" s="59">
        <v>14004566</v>
      </c>
      <c r="AI26" s="59">
        <v>51243</v>
      </c>
      <c r="AJ26" s="59">
        <v>14055809</v>
      </c>
      <c r="AK26" s="59">
        <v>3698612</v>
      </c>
      <c r="AL26" s="59">
        <v>16140</v>
      </c>
      <c r="AM26" s="59">
        <v>3714752</v>
      </c>
      <c r="AN26" s="59">
        <v>1154224</v>
      </c>
      <c r="AO26" s="59">
        <v>18924785</v>
      </c>
      <c r="AP26" s="59">
        <v>0</v>
      </c>
      <c r="AQ26" s="59">
        <v>11020</v>
      </c>
      <c r="AR26" s="59" t="s">
        <v>117</v>
      </c>
      <c r="AS26" s="59" t="s">
        <v>117</v>
      </c>
      <c r="AT26" s="62"/>
      <c r="AU26" s="64" t="s">
        <v>132</v>
      </c>
      <c r="AV26" s="59">
        <v>574093</v>
      </c>
      <c r="AW26" s="59">
        <v>203463</v>
      </c>
      <c r="AX26" s="59">
        <v>15684</v>
      </c>
      <c r="AY26" s="60">
        <v>151625</v>
      </c>
      <c r="AZ26" s="59">
        <v>267562</v>
      </c>
      <c r="BA26" s="59">
        <v>235900</v>
      </c>
      <c r="BB26" s="59">
        <v>32199</v>
      </c>
      <c r="BC26" s="59">
        <v>55858</v>
      </c>
      <c r="BD26" s="59">
        <v>3086</v>
      </c>
      <c r="BE26" s="59">
        <v>74716978</v>
      </c>
      <c r="BF26" s="63"/>
    </row>
    <row r="27" spans="1:58" ht="15" customHeight="1">
      <c r="A27" s="62"/>
      <c r="B27" s="64" t="s">
        <v>133</v>
      </c>
      <c r="C27" s="59">
        <v>1798401</v>
      </c>
      <c r="D27" s="59">
        <v>44154880</v>
      </c>
      <c r="E27" s="59">
        <v>148487</v>
      </c>
      <c r="F27" s="59">
        <v>44303367</v>
      </c>
      <c r="G27" s="59">
        <v>7013444</v>
      </c>
      <c r="H27" s="60">
        <v>7381</v>
      </c>
      <c r="I27" s="59">
        <v>388</v>
      </c>
      <c r="J27" s="59">
        <v>96697</v>
      </c>
      <c r="K27" s="59">
        <v>31290</v>
      </c>
      <c r="L27" s="59">
        <v>0</v>
      </c>
      <c r="M27" s="59">
        <v>4811</v>
      </c>
      <c r="N27" s="59">
        <v>51457378</v>
      </c>
      <c r="O27" s="59">
        <v>5503</v>
      </c>
      <c r="P27" s="59">
        <v>1212</v>
      </c>
      <c r="Q27" s="60">
        <v>9</v>
      </c>
      <c r="R27" s="59">
        <v>0</v>
      </c>
      <c r="S27" s="59">
        <v>6724</v>
      </c>
      <c r="T27" s="59">
        <v>152898</v>
      </c>
      <c r="U27" s="59">
        <v>51617000</v>
      </c>
      <c r="V27" s="59">
        <v>114555</v>
      </c>
      <c r="W27" s="59">
        <v>8</v>
      </c>
      <c r="X27" s="59">
        <v>114563</v>
      </c>
      <c r="Y27" s="62"/>
      <c r="Z27" s="58" t="s">
        <v>158</v>
      </c>
      <c r="AA27" s="59">
        <v>8783</v>
      </c>
      <c r="AB27" s="59">
        <v>7</v>
      </c>
      <c r="AC27" s="59">
        <v>8790</v>
      </c>
      <c r="AD27" s="59" t="s">
        <v>117</v>
      </c>
      <c r="AE27" s="59" t="s">
        <v>117</v>
      </c>
      <c r="AF27" s="59" t="s">
        <v>117</v>
      </c>
      <c r="AG27" s="59">
        <v>71777</v>
      </c>
      <c r="AH27" s="59">
        <v>12858609</v>
      </c>
      <c r="AI27" s="59">
        <v>3471</v>
      </c>
      <c r="AJ27" s="59">
        <v>12862080</v>
      </c>
      <c r="AK27" s="59">
        <v>3632431</v>
      </c>
      <c r="AL27" s="59">
        <v>1000</v>
      </c>
      <c r="AM27" s="59">
        <v>3633431</v>
      </c>
      <c r="AN27" s="59">
        <v>1196391</v>
      </c>
      <c r="AO27" s="59">
        <v>17691902</v>
      </c>
      <c r="AP27" s="59">
        <v>0</v>
      </c>
      <c r="AQ27" s="59">
        <v>15714</v>
      </c>
      <c r="AR27" s="59" t="s">
        <v>117</v>
      </c>
      <c r="AS27" s="59" t="s">
        <v>117</v>
      </c>
      <c r="AT27" s="62"/>
      <c r="AU27" s="64" t="s">
        <v>133</v>
      </c>
      <c r="AV27" s="59">
        <v>563207</v>
      </c>
      <c r="AW27" s="59">
        <v>248626</v>
      </c>
      <c r="AX27" s="59">
        <v>16847</v>
      </c>
      <c r="AY27" s="60">
        <v>213975</v>
      </c>
      <c r="AZ27" s="59">
        <v>236983</v>
      </c>
      <c r="BA27" s="59">
        <v>235853</v>
      </c>
      <c r="BB27" s="59">
        <v>32180</v>
      </c>
      <c r="BC27" s="59">
        <v>60033</v>
      </c>
      <c r="BD27" s="59">
        <v>0</v>
      </c>
      <c r="BE27" s="59">
        <v>72925851</v>
      </c>
      <c r="BF27" s="63"/>
    </row>
    <row r="28" spans="1:58" ht="15" customHeight="1">
      <c r="A28" s="62"/>
      <c r="B28" s="64" t="s">
        <v>134</v>
      </c>
      <c r="C28" s="59">
        <v>1893776</v>
      </c>
      <c r="D28" s="59">
        <v>45480670</v>
      </c>
      <c r="E28" s="59">
        <v>153017</v>
      </c>
      <c r="F28" s="59">
        <v>45633687</v>
      </c>
      <c r="G28" s="59">
        <v>7235475</v>
      </c>
      <c r="H28" s="60">
        <v>9014</v>
      </c>
      <c r="I28" s="59">
        <v>341</v>
      </c>
      <c r="J28" s="59">
        <v>97627</v>
      </c>
      <c r="K28" s="59">
        <v>31750</v>
      </c>
      <c r="L28" s="59">
        <v>0</v>
      </c>
      <c r="M28" s="59">
        <v>6727</v>
      </c>
      <c r="N28" s="59">
        <v>53014620</v>
      </c>
      <c r="O28" s="59">
        <v>3662</v>
      </c>
      <c r="P28" s="59">
        <v>619</v>
      </c>
      <c r="Q28" s="60">
        <v>0</v>
      </c>
      <c r="R28" s="59">
        <v>0</v>
      </c>
      <c r="S28" s="59">
        <v>4281</v>
      </c>
      <c r="T28" s="59">
        <v>158776</v>
      </c>
      <c r="U28" s="59">
        <v>53177677</v>
      </c>
      <c r="V28" s="59">
        <v>112675</v>
      </c>
      <c r="W28" s="59">
        <v>8</v>
      </c>
      <c r="X28" s="59">
        <v>112682</v>
      </c>
      <c r="Y28" s="62"/>
      <c r="Z28" s="58" t="s">
        <v>159</v>
      </c>
      <c r="AA28" s="59">
        <v>0</v>
      </c>
      <c r="AB28" s="59">
        <v>6</v>
      </c>
      <c r="AC28" s="59">
        <v>6</v>
      </c>
      <c r="AD28" s="59" t="s">
        <v>117</v>
      </c>
      <c r="AE28" s="59" t="s">
        <v>117</v>
      </c>
      <c r="AF28" s="59" t="s">
        <v>117</v>
      </c>
      <c r="AG28" s="59">
        <v>71110</v>
      </c>
      <c r="AH28" s="59">
        <v>12323237</v>
      </c>
      <c r="AI28" s="59">
        <v>6925</v>
      </c>
      <c r="AJ28" s="59">
        <v>12330162</v>
      </c>
      <c r="AK28" s="59">
        <v>3604451</v>
      </c>
      <c r="AL28" s="59">
        <v>315</v>
      </c>
      <c r="AM28" s="59">
        <v>3604765</v>
      </c>
      <c r="AN28" s="59">
        <v>1013650</v>
      </c>
      <c r="AO28" s="59">
        <v>16948577</v>
      </c>
      <c r="AP28" s="59">
        <v>0</v>
      </c>
      <c r="AQ28" s="59">
        <v>13186</v>
      </c>
      <c r="AR28" s="59" t="s">
        <v>117</v>
      </c>
      <c r="AS28" s="59" t="s">
        <v>117</v>
      </c>
      <c r="AT28" s="62"/>
      <c r="AU28" s="64" t="s">
        <v>134</v>
      </c>
      <c r="AV28" s="59">
        <v>577053</v>
      </c>
      <c r="AW28" s="59">
        <v>278508</v>
      </c>
      <c r="AX28" s="59">
        <v>15069</v>
      </c>
      <c r="AY28" s="60">
        <v>171409</v>
      </c>
      <c r="AZ28" s="59">
        <v>222266</v>
      </c>
      <c r="BA28" s="59">
        <v>316759</v>
      </c>
      <c r="BB28" s="59">
        <v>32146</v>
      </c>
      <c r="BC28" s="59">
        <v>63275</v>
      </c>
      <c r="BD28" s="59">
        <v>0</v>
      </c>
      <c r="BE28" s="59">
        <v>73893501</v>
      </c>
      <c r="BF28" s="63"/>
    </row>
    <row r="29" spans="1:58" ht="15" customHeight="1">
      <c r="A29" s="62"/>
      <c r="B29" s="64" t="s">
        <v>135</v>
      </c>
      <c r="C29" s="59">
        <v>1874201</v>
      </c>
      <c r="D29" s="59">
        <v>44187452</v>
      </c>
      <c r="E29" s="59">
        <v>143092</v>
      </c>
      <c r="F29" s="59">
        <v>44330544</v>
      </c>
      <c r="G29" s="59">
        <v>6946297</v>
      </c>
      <c r="H29" s="60">
        <v>8774</v>
      </c>
      <c r="I29" s="59">
        <v>89</v>
      </c>
      <c r="J29" s="59">
        <v>101388</v>
      </c>
      <c r="K29" s="59">
        <v>32160</v>
      </c>
      <c r="L29" s="59">
        <v>0</v>
      </c>
      <c r="M29" s="59">
        <v>10100</v>
      </c>
      <c r="N29" s="59">
        <v>51429352</v>
      </c>
      <c r="O29" s="59">
        <v>845</v>
      </c>
      <c r="P29" s="59">
        <v>220</v>
      </c>
      <c r="Q29" s="60">
        <v>0</v>
      </c>
      <c r="R29" s="59">
        <v>0</v>
      </c>
      <c r="S29" s="59">
        <v>1065</v>
      </c>
      <c r="T29" s="59">
        <v>155578</v>
      </c>
      <c r="U29" s="59">
        <v>51585995</v>
      </c>
      <c r="V29" s="59">
        <v>111615</v>
      </c>
      <c r="W29" s="59">
        <v>8</v>
      </c>
      <c r="X29" s="59">
        <v>111623</v>
      </c>
      <c r="Y29" s="62"/>
      <c r="Z29" s="58" t="s">
        <v>160</v>
      </c>
      <c r="AA29" s="59">
        <v>0</v>
      </c>
      <c r="AB29" s="59">
        <v>6</v>
      </c>
      <c r="AC29" s="59">
        <v>6</v>
      </c>
      <c r="AD29" s="59" t="s">
        <v>117</v>
      </c>
      <c r="AE29" s="59" t="s">
        <v>117</v>
      </c>
      <c r="AF29" s="59" t="s">
        <v>117</v>
      </c>
      <c r="AG29" s="59">
        <v>71501</v>
      </c>
      <c r="AH29" s="59">
        <v>11487638</v>
      </c>
      <c r="AI29" s="59">
        <v>3585</v>
      </c>
      <c r="AJ29" s="59">
        <v>11491223</v>
      </c>
      <c r="AK29" s="59">
        <v>3602924</v>
      </c>
      <c r="AL29" s="59">
        <v>216</v>
      </c>
      <c r="AM29" s="59">
        <v>3603140</v>
      </c>
      <c r="AN29" s="59">
        <v>1036942</v>
      </c>
      <c r="AO29" s="59">
        <v>16131305</v>
      </c>
      <c r="AP29" s="59">
        <v>0</v>
      </c>
      <c r="AQ29" s="59">
        <v>15367</v>
      </c>
      <c r="AR29" s="59" t="s">
        <v>117</v>
      </c>
      <c r="AS29" s="59" t="s">
        <v>117</v>
      </c>
      <c r="AT29" s="62"/>
      <c r="AU29" s="64" t="s">
        <v>135</v>
      </c>
      <c r="AV29" s="59">
        <v>571995</v>
      </c>
      <c r="AW29" s="59">
        <v>285949</v>
      </c>
      <c r="AX29" s="59">
        <v>15832</v>
      </c>
      <c r="AY29" s="60">
        <v>175183</v>
      </c>
      <c r="AZ29" s="59">
        <v>228610</v>
      </c>
      <c r="BA29" s="59">
        <v>341752</v>
      </c>
      <c r="BB29" s="59">
        <v>181</v>
      </c>
      <c r="BC29" s="59">
        <v>36696</v>
      </c>
      <c r="BD29" s="59">
        <v>0</v>
      </c>
      <c r="BE29" s="59">
        <v>71446196</v>
      </c>
      <c r="BF29" s="63"/>
    </row>
    <row r="30" spans="1:58" ht="15" customHeight="1">
      <c r="A30" s="65"/>
      <c r="B30" s="30" t="s">
        <v>136</v>
      </c>
      <c r="C30" s="66">
        <f>ROUND([1]第11表元データ!BF25/1000,0)</f>
        <v>1546368</v>
      </c>
      <c r="D30" s="66">
        <f>ROUND([1]第11表元データ!BG25/1000,0)</f>
        <v>44402372</v>
      </c>
      <c r="E30" s="66">
        <f>ROUND([1]第11表元データ!BH25/1000,0)</f>
        <v>131896</v>
      </c>
      <c r="F30" s="66">
        <f>ROUND([1]第11表元データ!BI25/1000,0)</f>
        <v>44534268</v>
      </c>
      <c r="G30" s="66">
        <f>ROUND([1]第11表元データ!BJ25/1000,0)</f>
        <v>7180921</v>
      </c>
      <c r="H30" s="66">
        <f>ROUND([1]第11表元データ!BK25/1000,0)</f>
        <v>6888</v>
      </c>
      <c r="I30" s="66">
        <f>ROUND([1]第11表元データ!BL25/1000,0)</f>
        <v>310</v>
      </c>
      <c r="J30" s="66">
        <f>ROUND([1]第11表元データ!BM25/1000,0)</f>
        <v>100993</v>
      </c>
      <c r="K30" s="66">
        <f>ROUND([1]第11表元データ!BN25/1000,0)</f>
        <v>30390</v>
      </c>
      <c r="L30" s="66">
        <f>ROUND([1]第11表元データ!BO25/1000,0)</f>
        <v>0</v>
      </c>
      <c r="M30" s="66">
        <f>ROUND([1]第11表元データ!BP25/1000,0)</f>
        <v>6325</v>
      </c>
      <c r="N30" s="66">
        <f>ROUND([1]第11表元データ!BQ25/1000,0)</f>
        <v>51860096</v>
      </c>
      <c r="O30" s="66">
        <f>ROUND([1]第11表元データ!BR25/1000,0)</f>
        <v>42</v>
      </c>
      <c r="P30" s="66">
        <f>ROUND([1]第11表元データ!BS25/1000,0)</f>
        <v>0</v>
      </c>
      <c r="Q30" s="66">
        <f>ROUND([1]第11表元データ!BT25/1000,0)</f>
        <v>0</v>
      </c>
      <c r="R30" s="66">
        <f>ROUND([1]第11表元データ!BU25/1000,0)</f>
        <v>0</v>
      </c>
      <c r="S30" s="66">
        <f>ROUND([1]第11表元データ!BV25/1000,0)</f>
        <v>42</v>
      </c>
      <c r="T30" s="66">
        <f>ROUND([1]第11表元データ!BW25/1000,0)</f>
        <v>149687</v>
      </c>
      <c r="U30" s="66">
        <f>ROUND([1]第11表元データ!BX25/1000,0)</f>
        <v>52009825</v>
      </c>
      <c r="V30" s="66">
        <f>ROUND([1]第11表元データ!BY25/1000,0)</f>
        <v>123798</v>
      </c>
      <c r="W30" s="66">
        <f>ROUND([1]第11表元データ!BZ25/1000,0)</f>
        <v>7</v>
      </c>
      <c r="X30" s="66">
        <f>ROUND([1]第11表元データ!CA25/1000,0)</f>
        <v>123805</v>
      </c>
      <c r="Y30" s="65"/>
      <c r="Z30" s="30" t="s">
        <v>161</v>
      </c>
      <c r="AA30" s="59">
        <f>ROUND([1]第11表元データ!CB25/1000,0)</f>
        <v>3707</v>
      </c>
      <c r="AB30" s="83">
        <f>ROUND([1]第11表元データ!CC25/1000,0)</f>
        <v>6</v>
      </c>
      <c r="AC30" s="83">
        <f>ROUND([1]第11表元データ!CD25/1000,0)</f>
        <v>3713</v>
      </c>
      <c r="AD30" s="83" t="s">
        <v>117</v>
      </c>
      <c r="AE30" s="83" t="s">
        <v>117</v>
      </c>
      <c r="AF30" s="83" t="s">
        <v>117</v>
      </c>
      <c r="AG30" s="83">
        <f>ROUND([1]第11表元データ!CH25/1000,0)</f>
        <v>69764</v>
      </c>
      <c r="AH30" s="83">
        <f>ROUND([1]第11表元データ!CI25/1000,0)</f>
        <v>10462403</v>
      </c>
      <c r="AI30" s="83">
        <f>ROUND([1]第11表元データ!CJ25/1000,0)</f>
        <v>352</v>
      </c>
      <c r="AJ30" s="83">
        <f>ROUND([1]第11表元データ!CK25/1000,0)</f>
        <v>10462755</v>
      </c>
      <c r="AK30" s="83">
        <f>ROUND([1]第11表元データ!CL25/1000,0)</f>
        <v>3797096</v>
      </c>
      <c r="AL30" s="83">
        <f>ROUND([1]第11表元データ!CM25/1000,0)</f>
        <v>89</v>
      </c>
      <c r="AM30" s="83">
        <f>ROUND([1]第11表元データ!CN25/1000,0)</f>
        <v>3797185</v>
      </c>
      <c r="AN30" s="83">
        <f>ROUND([1]第11表元データ!CO25/1000,0)</f>
        <v>1114110</v>
      </c>
      <c r="AO30" s="83">
        <f>ROUND([1]第11表元データ!CP25/1000,0)</f>
        <v>15374050</v>
      </c>
      <c r="AP30" s="83">
        <f>ROUND([1]第11表元データ!CQ25/1000,0)</f>
        <v>0</v>
      </c>
      <c r="AQ30" s="83">
        <f>ROUND([1]第11表元データ!CR25/1000,0)</f>
        <v>12774</v>
      </c>
      <c r="AR30" s="83" t="s">
        <v>117</v>
      </c>
      <c r="AS30" s="83" t="s">
        <v>117</v>
      </c>
      <c r="AT30" s="65"/>
      <c r="AU30" s="30" t="s">
        <v>136</v>
      </c>
      <c r="AV30" s="66">
        <f>ROUND([1]第11表元データ!CU25/1000,0)</f>
        <v>545522</v>
      </c>
      <c r="AW30" s="66">
        <f>ROUND([1]第11表元データ!CV25/1000,0)</f>
        <v>286648</v>
      </c>
      <c r="AX30" s="66">
        <f>ROUND([1]第11表元データ!CW25/1000,0)</f>
        <v>16277</v>
      </c>
      <c r="AY30" s="66">
        <f>ROUND([1]第11表元データ!CX25/1000,0)</f>
        <v>191329</v>
      </c>
      <c r="AZ30" s="66">
        <f>ROUND([1]第11表元データ!CY25/1000,0)</f>
        <v>316007</v>
      </c>
      <c r="BA30" s="66">
        <f>ROUND([1]第11表元データ!CZ25/1000,0)</f>
        <v>260737</v>
      </c>
      <c r="BB30" s="66">
        <f>ROUND([1]第11表元データ!DA25/1000,0)</f>
        <v>14</v>
      </c>
      <c r="BC30" s="66">
        <f>ROUND([1]第11表元データ!DB25/1000,0)</f>
        <v>67966</v>
      </c>
      <c r="BD30" s="66">
        <f>ROUND([1]第11表元データ!DC25/1000,0)</f>
        <v>0</v>
      </c>
      <c r="BE30" s="66">
        <f>ROUND([1]第11表元データ!DD25/1000,0)</f>
        <v>70824799</v>
      </c>
      <c r="BF30" s="67"/>
    </row>
    <row r="31" spans="1:58" ht="15" customHeight="1">
      <c r="A31" s="65">
        <v>1</v>
      </c>
      <c r="B31" s="68" t="s">
        <v>137</v>
      </c>
      <c r="C31" s="66">
        <f>ROUND([1]第11表元データ!BF3/1000,0)</f>
        <v>295714</v>
      </c>
      <c r="D31" s="66">
        <f>ROUND([1]第11表元データ!BG3/1000,0)</f>
        <v>11360708</v>
      </c>
      <c r="E31" s="66">
        <f>ROUND([1]第11表元データ!BH3/1000,0)</f>
        <v>32513</v>
      </c>
      <c r="F31" s="66">
        <f>ROUND([1]第11表元データ!BI3/1000,0)</f>
        <v>11393221</v>
      </c>
      <c r="G31" s="66">
        <f>ROUND([1]第11表元データ!BJ3/1000,0)</f>
        <v>1820015</v>
      </c>
      <c r="H31" s="66">
        <f>ROUND([1]第11表元データ!BK3/1000,0)</f>
        <v>1713</v>
      </c>
      <c r="I31" s="66">
        <f>ROUND([1]第11表元データ!BL3/1000,0)</f>
        <v>0</v>
      </c>
      <c r="J31" s="66">
        <f>ROUND([1]第11表元データ!BM3/1000,0)</f>
        <v>33325</v>
      </c>
      <c r="K31" s="66">
        <f>ROUND([1]第11表元データ!BN3/1000,0)</f>
        <v>7230</v>
      </c>
      <c r="L31" s="66">
        <f>ROUND([1]第11表元データ!BO3/1000,0)</f>
        <v>0</v>
      </c>
      <c r="M31" s="66">
        <f>ROUND([1]第11表元データ!BP3/1000,0)</f>
        <v>26</v>
      </c>
      <c r="N31" s="66">
        <f>ROUND([1]第11表元データ!BQ3/1000,0)</f>
        <v>13255531</v>
      </c>
      <c r="O31" s="66">
        <f>ROUND([1]第11表元データ!BR3/1000,0)</f>
        <v>42</v>
      </c>
      <c r="P31" s="66">
        <f>ROUND([1]第11表元データ!BS3/1000,0)</f>
        <v>0</v>
      </c>
      <c r="Q31" s="66">
        <f>ROUND([1]第11表元データ!BT3/1000,0)</f>
        <v>0</v>
      </c>
      <c r="R31" s="66">
        <f>ROUND([1]第11表元データ!BU3/1000,0)</f>
        <v>0</v>
      </c>
      <c r="S31" s="66">
        <f>ROUND([1]第11表元データ!BV3/1000,0)</f>
        <v>42</v>
      </c>
      <c r="T31" s="66">
        <f>ROUND([1]第11表元データ!BW3/1000,0)</f>
        <v>41346</v>
      </c>
      <c r="U31" s="66">
        <f>ROUND([1]第11表元データ!BX3/1000,0)</f>
        <v>13296918</v>
      </c>
      <c r="V31" s="66" t="s">
        <v>117</v>
      </c>
      <c r="W31" s="66" t="s">
        <v>117</v>
      </c>
      <c r="X31" s="66" t="s">
        <v>117</v>
      </c>
      <c r="Y31" s="65">
        <v>1</v>
      </c>
      <c r="Z31" s="69" t="s">
        <v>137</v>
      </c>
      <c r="AA31" s="84" t="s">
        <v>117</v>
      </c>
      <c r="AB31" s="83" t="s">
        <v>117</v>
      </c>
      <c r="AC31" s="83" t="s">
        <v>117</v>
      </c>
      <c r="AD31" s="83" t="s">
        <v>117</v>
      </c>
      <c r="AE31" s="83" t="s">
        <v>117</v>
      </c>
      <c r="AF31" s="83" t="s">
        <v>117</v>
      </c>
      <c r="AG31" s="83" t="s">
        <v>117</v>
      </c>
      <c r="AH31" s="83">
        <f>ROUND([1]第11表元データ!CI3/1000,0)</f>
        <v>2958732</v>
      </c>
      <c r="AI31" s="83">
        <f>ROUND([1]第11表元データ!CJ3/1000,0)</f>
        <v>137</v>
      </c>
      <c r="AJ31" s="83">
        <f>ROUND([1]第11表元データ!CK3/1000,0)</f>
        <v>2958869</v>
      </c>
      <c r="AK31" s="83">
        <f>ROUND([1]第11表元データ!CL3/1000,0)</f>
        <v>1092299</v>
      </c>
      <c r="AL31" s="83">
        <f>ROUND([1]第11表元データ!CM3/1000,0)</f>
        <v>46</v>
      </c>
      <c r="AM31" s="83">
        <f>ROUND([1]第11表元データ!CN3/1000,0)</f>
        <v>1092345</v>
      </c>
      <c r="AN31" s="83">
        <f>ROUND([1]第11表元データ!CO3/1000,0)</f>
        <v>334097</v>
      </c>
      <c r="AO31" s="83">
        <f>ROUND([1]第11表元データ!CP3/1000,0)</f>
        <v>4385311</v>
      </c>
      <c r="AP31" s="83">
        <f>ROUND([1]第11表元データ!CQ3/1000,0)</f>
        <v>0</v>
      </c>
      <c r="AQ31" s="83" t="s">
        <v>117</v>
      </c>
      <c r="AR31" s="83" t="s">
        <v>117</v>
      </c>
      <c r="AS31" s="83" t="s">
        <v>117</v>
      </c>
      <c r="AT31" s="65">
        <v>1</v>
      </c>
      <c r="AU31" s="69" t="s">
        <v>137</v>
      </c>
      <c r="AV31" s="66">
        <f>ROUND([1]第11表元データ!CU3/1000,0)</f>
        <v>140567</v>
      </c>
      <c r="AW31" s="66">
        <f>ROUND([1]第11表元データ!CV3/1000,0)</f>
        <v>104147</v>
      </c>
      <c r="AX31" s="66">
        <f>ROUND([1]第11表元データ!CW3/1000,0)</f>
        <v>0</v>
      </c>
      <c r="AY31" s="66">
        <f>ROUND([1]第11表元データ!CX3/1000,0)</f>
        <v>50508</v>
      </c>
      <c r="AZ31" s="66">
        <f>ROUND([1]第11表元データ!CY3/1000,0)</f>
        <v>7000</v>
      </c>
      <c r="BA31" s="66">
        <f>ROUND([1]第11表元データ!CZ3/1000,0)</f>
        <v>1196</v>
      </c>
      <c r="BB31" s="66">
        <f>ROUND([1]第11表元データ!DA3/1000,0)</f>
        <v>0</v>
      </c>
      <c r="BC31" s="66">
        <f>ROUND([1]第11表元データ!DB3/1000,0)</f>
        <v>6678</v>
      </c>
      <c r="BD31" s="66">
        <f>ROUND([1]第11表元データ!DC3/1000,0)</f>
        <v>0</v>
      </c>
      <c r="BE31" s="66">
        <f>ROUND([1]第11表元データ!DD3/1000,0)</f>
        <v>18288038</v>
      </c>
      <c r="BF31" s="71">
        <v>1</v>
      </c>
    </row>
    <row r="32" spans="1:58" ht="15" customHeight="1">
      <c r="A32" s="72">
        <v>2</v>
      </c>
      <c r="B32" s="73" t="s">
        <v>138</v>
      </c>
      <c r="C32" s="70">
        <f>ROUND([1]第11表元データ!BF4/1000,0)</f>
        <v>137806</v>
      </c>
      <c r="D32" s="70">
        <f>ROUND([1]第11表元データ!BG4/1000,0)</f>
        <v>3599524</v>
      </c>
      <c r="E32" s="70">
        <f>ROUND([1]第11表元データ!BH4/1000,0)</f>
        <v>8320</v>
      </c>
      <c r="F32" s="70">
        <f>ROUND([1]第11表元データ!BI4/1000,0)</f>
        <v>3607845</v>
      </c>
      <c r="G32" s="70">
        <f>ROUND([1]第11表元データ!BJ4/1000,0)</f>
        <v>587520</v>
      </c>
      <c r="H32" s="70">
        <f>ROUND([1]第11表元データ!BK4/1000,0)</f>
        <v>783</v>
      </c>
      <c r="I32" s="70">
        <f>ROUND([1]第11表元データ!BL4/1000,0)</f>
        <v>36</v>
      </c>
      <c r="J32" s="70">
        <f>ROUND([1]第11表元データ!BM4/1000,0)</f>
        <v>4370</v>
      </c>
      <c r="K32" s="70">
        <f>ROUND([1]第11表元データ!BN4/1000,0)</f>
        <v>2700</v>
      </c>
      <c r="L32" s="70">
        <f>ROUND([1]第11表元データ!BO4/1000,0)</f>
        <v>0</v>
      </c>
      <c r="M32" s="70">
        <f>ROUND([1]第11表元データ!BP4/1000,0)</f>
        <v>40</v>
      </c>
      <c r="N32" s="70">
        <f>ROUND([1]第11表元データ!BQ4/1000,0)</f>
        <v>4203293</v>
      </c>
      <c r="O32" s="70">
        <f>ROUND([1]第11表元データ!BR4/1000,0)</f>
        <v>0</v>
      </c>
      <c r="P32" s="70">
        <f>ROUND([1]第11表元データ!BS4/1000,0)</f>
        <v>0</v>
      </c>
      <c r="Q32" s="70">
        <f>ROUND([1]第11表元データ!BT4/1000,0)</f>
        <v>0</v>
      </c>
      <c r="R32" s="70">
        <f>ROUND([1]第11表元データ!BU4/1000,0)</f>
        <v>0</v>
      </c>
      <c r="S32" s="70">
        <f>ROUND([1]第11表元データ!BV4/1000,0)</f>
        <v>0</v>
      </c>
      <c r="T32" s="70">
        <f>ROUND([1]第11表元データ!BW4/1000,0)</f>
        <v>11959</v>
      </c>
      <c r="U32" s="70">
        <f>ROUND([1]第11表元データ!BX4/1000,0)</f>
        <v>4215252</v>
      </c>
      <c r="V32" s="70" t="s">
        <v>117</v>
      </c>
      <c r="W32" s="70" t="s">
        <v>117</v>
      </c>
      <c r="X32" s="70" t="s">
        <v>117</v>
      </c>
      <c r="Y32" s="72">
        <v>2</v>
      </c>
      <c r="Z32" s="73" t="s">
        <v>138</v>
      </c>
      <c r="AA32" s="84" t="s">
        <v>117</v>
      </c>
      <c r="AB32" s="84" t="s">
        <v>117</v>
      </c>
      <c r="AC32" s="84" t="s">
        <v>117</v>
      </c>
      <c r="AD32" s="84" t="s">
        <v>117</v>
      </c>
      <c r="AE32" s="84" t="s">
        <v>117</v>
      </c>
      <c r="AF32" s="84" t="s">
        <v>117</v>
      </c>
      <c r="AG32" s="84" t="s">
        <v>117</v>
      </c>
      <c r="AH32" s="84">
        <f>ROUND([1]第11表元データ!CI4/1000,0)</f>
        <v>797993</v>
      </c>
      <c r="AI32" s="84">
        <f>ROUND([1]第11表元データ!CJ4/1000,0)</f>
        <v>41</v>
      </c>
      <c r="AJ32" s="84">
        <f>ROUND([1]第11表元データ!CK4/1000,0)</f>
        <v>798034</v>
      </c>
      <c r="AK32" s="84">
        <f>ROUND([1]第11表元データ!CL4/1000,0)</f>
        <v>268698</v>
      </c>
      <c r="AL32" s="84">
        <f>ROUND([1]第11表元データ!CM4/1000,0)</f>
        <v>14</v>
      </c>
      <c r="AM32" s="84">
        <f>ROUND([1]第11表元データ!CN4/1000,0)</f>
        <v>268712</v>
      </c>
      <c r="AN32" s="84">
        <f>ROUND([1]第11表元データ!CO4/1000,0)</f>
        <v>74583</v>
      </c>
      <c r="AO32" s="84">
        <f>ROUND([1]第11表元データ!CP4/1000,0)</f>
        <v>1141329</v>
      </c>
      <c r="AP32" s="84">
        <f>ROUND([1]第11表元データ!CQ4/1000,0)</f>
        <v>0</v>
      </c>
      <c r="AQ32" s="84" t="s">
        <v>117</v>
      </c>
      <c r="AR32" s="84" t="s">
        <v>117</v>
      </c>
      <c r="AS32" s="84" t="s">
        <v>117</v>
      </c>
      <c r="AT32" s="72">
        <v>2</v>
      </c>
      <c r="AU32" s="73" t="s">
        <v>138</v>
      </c>
      <c r="AV32" s="70">
        <f>ROUND([1]第11表元データ!CU4/1000,0)</f>
        <v>41209</v>
      </c>
      <c r="AW32" s="70">
        <f>ROUND([1]第11表元データ!CV4/1000,0)</f>
        <v>23790</v>
      </c>
      <c r="AX32" s="70">
        <f>ROUND([1]第11表元データ!CW4/1000,0)</f>
        <v>0</v>
      </c>
      <c r="AY32" s="70">
        <f>ROUND([1]第11表元データ!CX4/1000,0)</f>
        <v>13723</v>
      </c>
      <c r="AZ32" s="70">
        <f>ROUND([1]第11表元データ!CY4/1000,0)</f>
        <v>80336</v>
      </c>
      <c r="BA32" s="70">
        <f>ROUND([1]第11表元データ!CZ4/1000,0)</f>
        <v>23703</v>
      </c>
      <c r="BB32" s="70">
        <f>ROUND([1]第11表元データ!DA4/1000,0)</f>
        <v>0</v>
      </c>
      <c r="BC32" s="70">
        <f>ROUND([1]第11表元データ!DB4/1000,0)</f>
        <v>3416</v>
      </c>
      <c r="BD32" s="70">
        <f>ROUND([1]第11表元データ!DC4/1000,0)</f>
        <v>0</v>
      </c>
      <c r="BE32" s="70">
        <f>ROUND([1]第11表元データ!DD4/1000,0)</f>
        <v>5680563</v>
      </c>
      <c r="BF32" s="74">
        <v>2</v>
      </c>
    </row>
    <row r="33" spans="1:58" ht="15" customHeight="1">
      <c r="A33" s="72">
        <v>3</v>
      </c>
      <c r="B33" s="73" t="s">
        <v>139</v>
      </c>
      <c r="C33" s="70">
        <f>ROUND([1]第11表元データ!BF5/1000,0)</f>
        <v>344806</v>
      </c>
      <c r="D33" s="70">
        <f>ROUND([1]第11表元データ!BG5/1000,0)</f>
        <v>10777699</v>
      </c>
      <c r="E33" s="70">
        <f>ROUND([1]第11表元データ!BH5/1000,0)</f>
        <v>34699</v>
      </c>
      <c r="F33" s="70">
        <f>ROUND([1]第11表元データ!BI5/1000,0)</f>
        <v>10812398</v>
      </c>
      <c r="G33" s="70">
        <f>ROUND([1]第11表元データ!BJ5/1000,0)</f>
        <v>1741961</v>
      </c>
      <c r="H33" s="70">
        <f>ROUND([1]第11表元データ!BK5/1000,0)</f>
        <v>1823</v>
      </c>
      <c r="I33" s="70">
        <f>ROUND([1]第11表元データ!BL5/1000,0)</f>
        <v>0</v>
      </c>
      <c r="J33" s="70">
        <f>ROUND([1]第11表元データ!BM5/1000,0)</f>
        <v>30157</v>
      </c>
      <c r="K33" s="70">
        <f>ROUND([1]第11表元データ!BN5/1000,0)</f>
        <v>7560</v>
      </c>
      <c r="L33" s="70">
        <f>ROUND([1]第11表元データ!BO5/1000,0)</f>
        <v>0</v>
      </c>
      <c r="M33" s="70">
        <f>ROUND([1]第11表元データ!BP5/1000,0)</f>
        <v>88</v>
      </c>
      <c r="N33" s="70">
        <f>ROUND([1]第11表元データ!BQ5/1000,0)</f>
        <v>12593987</v>
      </c>
      <c r="O33" s="70">
        <f>ROUND([1]第11表元データ!BR5/1000,0)</f>
        <v>0</v>
      </c>
      <c r="P33" s="70">
        <f>ROUND([1]第11表元データ!BS5/1000,0)</f>
        <v>0</v>
      </c>
      <c r="Q33" s="70">
        <f>ROUND([1]第11表元データ!BT5/1000,0)</f>
        <v>0</v>
      </c>
      <c r="R33" s="70">
        <f>ROUND([1]第11表元データ!BU5/1000,0)</f>
        <v>0</v>
      </c>
      <c r="S33" s="70">
        <f>ROUND([1]第11表元データ!BV5/1000,0)</f>
        <v>0</v>
      </c>
      <c r="T33" s="70">
        <f>ROUND([1]第11表元データ!BW5/1000,0)</f>
        <v>37632</v>
      </c>
      <c r="U33" s="70">
        <f>ROUND([1]第11表元データ!BX5/1000,0)</f>
        <v>12631619</v>
      </c>
      <c r="V33" s="70" t="s">
        <v>117</v>
      </c>
      <c r="W33" s="70" t="s">
        <v>117</v>
      </c>
      <c r="X33" s="70" t="s">
        <v>117</v>
      </c>
      <c r="Y33" s="72">
        <v>3</v>
      </c>
      <c r="Z33" s="73" t="s">
        <v>139</v>
      </c>
      <c r="AA33" s="84" t="s">
        <v>117</v>
      </c>
      <c r="AB33" s="84" t="s">
        <v>117</v>
      </c>
      <c r="AC33" s="84" t="s">
        <v>117</v>
      </c>
      <c r="AD33" s="84" t="s">
        <v>117</v>
      </c>
      <c r="AE33" s="84" t="s">
        <v>117</v>
      </c>
      <c r="AF33" s="84" t="s">
        <v>117</v>
      </c>
      <c r="AG33" s="84" t="s">
        <v>117</v>
      </c>
      <c r="AH33" s="84">
        <f>ROUND([1]第11表元データ!CI5/1000,0)</f>
        <v>2652089</v>
      </c>
      <c r="AI33" s="84">
        <f>ROUND([1]第11表元データ!CJ5/1000,0)</f>
        <v>160</v>
      </c>
      <c r="AJ33" s="84">
        <f>ROUND([1]第11表元データ!CK5/1000,0)</f>
        <v>2652249</v>
      </c>
      <c r="AK33" s="84">
        <f>ROUND([1]第11表元データ!CL5/1000,0)</f>
        <v>976393</v>
      </c>
      <c r="AL33" s="84">
        <f>ROUND([1]第11表元データ!CM5/1000,0)</f>
        <v>28</v>
      </c>
      <c r="AM33" s="84">
        <f>ROUND([1]第11表元データ!CN5/1000,0)</f>
        <v>976421</v>
      </c>
      <c r="AN33" s="84">
        <f>ROUND([1]第11表元データ!CO5/1000,0)</f>
        <v>301709</v>
      </c>
      <c r="AO33" s="84">
        <f>ROUND([1]第11表元データ!CP5/1000,0)</f>
        <v>3930379</v>
      </c>
      <c r="AP33" s="84">
        <f>ROUND([1]第11表元データ!CQ5/1000,0)</f>
        <v>0</v>
      </c>
      <c r="AQ33" s="84" t="s">
        <v>117</v>
      </c>
      <c r="AR33" s="84" t="s">
        <v>117</v>
      </c>
      <c r="AS33" s="84" t="s">
        <v>117</v>
      </c>
      <c r="AT33" s="72">
        <v>3</v>
      </c>
      <c r="AU33" s="73" t="s">
        <v>139</v>
      </c>
      <c r="AV33" s="70">
        <f>ROUND([1]第11表元データ!CU5/1000,0)</f>
        <v>113040</v>
      </c>
      <c r="AW33" s="70">
        <f>ROUND([1]第11表元データ!CV5/1000,0)</f>
        <v>32394</v>
      </c>
      <c r="AX33" s="70">
        <f>ROUND([1]第11表元データ!CW5/1000,0)</f>
        <v>0</v>
      </c>
      <c r="AY33" s="70">
        <f>ROUND([1]第11表元データ!CX5/1000,0)</f>
        <v>46942</v>
      </c>
      <c r="AZ33" s="70">
        <f>ROUND([1]第11表元データ!CY5/1000,0)</f>
        <v>4758</v>
      </c>
      <c r="BA33" s="70">
        <f>ROUND([1]第11表元データ!CZ5/1000,0)</f>
        <v>299</v>
      </c>
      <c r="BB33" s="70">
        <f>ROUND([1]第11表元データ!DA5/1000,0)</f>
        <v>0</v>
      </c>
      <c r="BC33" s="70">
        <f>ROUND([1]第11表元データ!DB5/1000,0)</f>
        <v>5804</v>
      </c>
      <c r="BD33" s="70">
        <f>ROUND([1]第11表元データ!DC5/1000,0)</f>
        <v>0</v>
      </c>
      <c r="BE33" s="70">
        <f>ROUND([1]第11表元データ!DD5/1000,0)</f>
        <v>17110041</v>
      </c>
      <c r="BF33" s="74">
        <v>3</v>
      </c>
    </row>
    <row r="34" spans="1:58" ht="15" customHeight="1">
      <c r="A34" s="72">
        <v>4</v>
      </c>
      <c r="B34" s="73" t="s">
        <v>140</v>
      </c>
      <c r="C34" s="70">
        <f>ROUND([1]第11表元データ!BF6/1000,0)</f>
        <v>93878</v>
      </c>
      <c r="D34" s="70">
        <f>ROUND([1]第11表元データ!BG6/1000,0)</f>
        <v>3043973</v>
      </c>
      <c r="E34" s="70">
        <f>ROUND([1]第11表元データ!BH6/1000,0)</f>
        <v>17329</v>
      </c>
      <c r="F34" s="70">
        <f>ROUND([1]第11表元データ!BI6/1000,0)</f>
        <v>3061303</v>
      </c>
      <c r="G34" s="70">
        <f>ROUND([1]第11表元データ!BJ6/1000,0)</f>
        <v>482056</v>
      </c>
      <c r="H34" s="70">
        <f>ROUND([1]第11表元データ!BK6/1000,0)</f>
        <v>410</v>
      </c>
      <c r="I34" s="70">
        <f>ROUND([1]第11表元データ!BL6/1000,0)</f>
        <v>0</v>
      </c>
      <c r="J34" s="70">
        <f>ROUND([1]第11表元データ!BM6/1000,0)</f>
        <v>6270</v>
      </c>
      <c r="K34" s="70">
        <f>ROUND([1]第11表元データ!BN6/1000,0)</f>
        <v>2280</v>
      </c>
      <c r="L34" s="70">
        <f>ROUND([1]第11表元データ!BO6/1000,0)</f>
        <v>0</v>
      </c>
      <c r="M34" s="70">
        <f>ROUND([1]第11表元データ!BP6/1000,0)</f>
        <v>25</v>
      </c>
      <c r="N34" s="70">
        <f>ROUND([1]第11表元データ!BQ6/1000,0)</f>
        <v>3552343</v>
      </c>
      <c r="O34" s="70">
        <f>ROUND([1]第11表元データ!BR6/1000,0)</f>
        <v>0</v>
      </c>
      <c r="P34" s="70">
        <f>ROUND([1]第11表元データ!BS6/1000,0)</f>
        <v>0</v>
      </c>
      <c r="Q34" s="70">
        <f>ROUND([1]第11表元データ!BT6/1000,0)</f>
        <v>0</v>
      </c>
      <c r="R34" s="70">
        <f>ROUND([1]第11表元データ!BU6/1000,0)</f>
        <v>0</v>
      </c>
      <c r="S34" s="70">
        <f>ROUND([1]第11表元データ!BV6/1000,0)</f>
        <v>0</v>
      </c>
      <c r="T34" s="70">
        <f>ROUND([1]第11表元データ!BW6/1000,0)</f>
        <v>11803</v>
      </c>
      <c r="U34" s="70">
        <f>ROUND([1]第11表元データ!BX6/1000,0)</f>
        <v>3564147</v>
      </c>
      <c r="V34" s="70" t="s">
        <v>117</v>
      </c>
      <c r="W34" s="70" t="s">
        <v>117</v>
      </c>
      <c r="X34" s="70" t="s">
        <v>117</v>
      </c>
      <c r="Y34" s="72">
        <v>4</v>
      </c>
      <c r="Z34" s="73" t="s">
        <v>140</v>
      </c>
      <c r="AA34" s="84" t="s">
        <v>117</v>
      </c>
      <c r="AB34" s="84" t="s">
        <v>117</v>
      </c>
      <c r="AC34" s="84" t="s">
        <v>117</v>
      </c>
      <c r="AD34" s="84" t="s">
        <v>117</v>
      </c>
      <c r="AE34" s="84" t="s">
        <v>117</v>
      </c>
      <c r="AF34" s="84" t="s">
        <v>117</v>
      </c>
      <c r="AG34" s="84" t="s">
        <v>117</v>
      </c>
      <c r="AH34" s="84">
        <f>ROUND([1]第11表元データ!CI6/1000,0)</f>
        <v>715110</v>
      </c>
      <c r="AI34" s="84">
        <f>ROUND([1]第11表元データ!CJ6/1000,0)</f>
        <v>0</v>
      </c>
      <c r="AJ34" s="84">
        <f>ROUND([1]第11表元データ!CK6/1000,0)</f>
        <v>715110</v>
      </c>
      <c r="AK34" s="84">
        <f>ROUND([1]第11表元データ!CL6/1000,0)</f>
        <v>272491</v>
      </c>
      <c r="AL34" s="84">
        <f>ROUND([1]第11表元データ!CM6/1000,0)</f>
        <v>0</v>
      </c>
      <c r="AM34" s="84">
        <f>ROUND([1]第11表元データ!CN6/1000,0)</f>
        <v>272491</v>
      </c>
      <c r="AN34" s="84">
        <f>ROUND([1]第11表元データ!CO6/1000,0)</f>
        <v>75008</v>
      </c>
      <c r="AO34" s="84">
        <f>ROUND([1]第11表元データ!CP6/1000,0)</f>
        <v>1062609</v>
      </c>
      <c r="AP34" s="84">
        <f>ROUND([1]第11表元データ!CQ6/1000,0)</f>
        <v>0</v>
      </c>
      <c r="AQ34" s="84" t="s">
        <v>117</v>
      </c>
      <c r="AR34" s="84" t="s">
        <v>117</v>
      </c>
      <c r="AS34" s="84" t="s">
        <v>117</v>
      </c>
      <c r="AT34" s="72">
        <v>4</v>
      </c>
      <c r="AU34" s="73" t="s">
        <v>140</v>
      </c>
      <c r="AV34" s="70">
        <f>ROUND([1]第11表元データ!CU6/1000,0)</f>
        <v>59422</v>
      </c>
      <c r="AW34" s="70">
        <f>ROUND([1]第11表元データ!CV6/1000,0)</f>
        <v>9426</v>
      </c>
      <c r="AX34" s="70">
        <f>ROUND([1]第11表元データ!CW6/1000,0)</f>
        <v>0</v>
      </c>
      <c r="AY34" s="70">
        <f>ROUND([1]第11表元データ!CX6/1000,0)</f>
        <v>11742</v>
      </c>
      <c r="AZ34" s="70">
        <f>ROUND([1]第11表元データ!CY6/1000,0)</f>
        <v>17573</v>
      </c>
      <c r="BA34" s="70">
        <f>ROUND([1]第11表元データ!CZ6/1000,0)</f>
        <v>68657</v>
      </c>
      <c r="BB34" s="70">
        <f>ROUND([1]第11表元データ!DA6/1000,0)</f>
        <v>0</v>
      </c>
      <c r="BC34" s="70">
        <f>ROUND([1]第11表元データ!DB6/1000,0)</f>
        <v>1217</v>
      </c>
      <c r="BD34" s="70">
        <f>ROUND([1]第11表元データ!DC6/1000,0)</f>
        <v>0</v>
      </c>
      <c r="BE34" s="70">
        <f>ROUND([1]第11表元データ!DD6/1000,0)</f>
        <v>4888671</v>
      </c>
      <c r="BF34" s="74">
        <v>4</v>
      </c>
    </row>
    <row r="35" spans="1:58" ht="15" customHeight="1">
      <c r="A35" s="72">
        <v>5</v>
      </c>
      <c r="B35" s="73" t="s">
        <v>141</v>
      </c>
      <c r="C35" s="70">
        <f>ROUND([1]第11表元データ!BF7/1000,0)</f>
        <v>91101</v>
      </c>
      <c r="D35" s="70">
        <f>ROUND([1]第11表元データ!BG7/1000,0)</f>
        <v>2608809</v>
      </c>
      <c r="E35" s="70">
        <f>ROUND([1]第11表元データ!BH7/1000,0)</f>
        <v>8314</v>
      </c>
      <c r="F35" s="70">
        <f>ROUND([1]第11表元データ!BI7/1000,0)</f>
        <v>2617123</v>
      </c>
      <c r="G35" s="70">
        <f>ROUND([1]第11表元データ!BJ7/1000,0)</f>
        <v>420638</v>
      </c>
      <c r="H35" s="70">
        <f>ROUND([1]第11表元データ!BK7/1000,0)</f>
        <v>489</v>
      </c>
      <c r="I35" s="70">
        <f>ROUND([1]第11表元データ!BL7/1000,0)</f>
        <v>0</v>
      </c>
      <c r="J35" s="70">
        <f>ROUND([1]第11表元データ!BM7/1000,0)</f>
        <v>2000</v>
      </c>
      <c r="K35" s="70">
        <f>ROUND([1]第11表元データ!BN7/1000,0)</f>
        <v>2070</v>
      </c>
      <c r="L35" s="70">
        <f>ROUND([1]第11表元データ!BO7/1000,0)</f>
        <v>0</v>
      </c>
      <c r="M35" s="70">
        <f>ROUND([1]第11表元データ!BP7/1000,0)</f>
        <v>0</v>
      </c>
      <c r="N35" s="70">
        <f>ROUND([1]第11表元データ!BQ7/1000,0)</f>
        <v>3042320</v>
      </c>
      <c r="O35" s="70">
        <f>ROUND([1]第11表元データ!BR7/1000,0)</f>
        <v>0</v>
      </c>
      <c r="P35" s="70">
        <f>ROUND([1]第11表元データ!BS7/1000,0)</f>
        <v>0</v>
      </c>
      <c r="Q35" s="70">
        <f>ROUND([1]第11表元データ!BT7/1000,0)</f>
        <v>0</v>
      </c>
      <c r="R35" s="70">
        <f>ROUND([1]第11表元データ!BU7/1000,0)</f>
        <v>0</v>
      </c>
      <c r="S35" s="70">
        <f>ROUND([1]第11表元データ!BV7/1000,0)</f>
        <v>0</v>
      </c>
      <c r="T35" s="70">
        <f>ROUND([1]第11表元データ!BW7/1000,0)</f>
        <v>8397</v>
      </c>
      <c r="U35" s="70">
        <f>ROUND([1]第11表元データ!BX7/1000,0)</f>
        <v>3050716</v>
      </c>
      <c r="V35" s="70" t="s">
        <v>117</v>
      </c>
      <c r="W35" s="70" t="s">
        <v>117</v>
      </c>
      <c r="X35" s="70" t="s">
        <v>117</v>
      </c>
      <c r="Y35" s="72">
        <v>5</v>
      </c>
      <c r="Z35" s="73" t="s">
        <v>141</v>
      </c>
      <c r="AA35" s="84" t="s">
        <v>117</v>
      </c>
      <c r="AB35" s="84" t="s">
        <v>117</v>
      </c>
      <c r="AC35" s="84" t="s">
        <v>117</v>
      </c>
      <c r="AD35" s="84" t="s">
        <v>117</v>
      </c>
      <c r="AE35" s="84" t="s">
        <v>117</v>
      </c>
      <c r="AF35" s="84" t="s">
        <v>117</v>
      </c>
      <c r="AG35" s="84" t="s">
        <v>117</v>
      </c>
      <c r="AH35" s="84">
        <f>ROUND([1]第11表元データ!CI7/1000,0)</f>
        <v>572418</v>
      </c>
      <c r="AI35" s="84">
        <f>ROUND([1]第11表元データ!CJ7/1000,0)</f>
        <v>0</v>
      </c>
      <c r="AJ35" s="84">
        <f>ROUND([1]第11表元データ!CK7/1000,0)</f>
        <v>572418</v>
      </c>
      <c r="AK35" s="84">
        <f>ROUND([1]第11表元データ!CL7/1000,0)</f>
        <v>197630</v>
      </c>
      <c r="AL35" s="84">
        <f>ROUND([1]第11表元データ!CM7/1000,0)</f>
        <v>0</v>
      </c>
      <c r="AM35" s="84">
        <f>ROUND([1]第11表元データ!CN7/1000,0)</f>
        <v>197630</v>
      </c>
      <c r="AN35" s="84">
        <f>ROUND([1]第11表元データ!CO7/1000,0)</f>
        <v>57870</v>
      </c>
      <c r="AO35" s="84">
        <f>ROUND([1]第11表元データ!CP7/1000,0)</f>
        <v>827917</v>
      </c>
      <c r="AP35" s="84">
        <f>ROUND([1]第11表元データ!CQ7/1000,0)</f>
        <v>0</v>
      </c>
      <c r="AQ35" s="84" t="s">
        <v>117</v>
      </c>
      <c r="AR35" s="84" t="s">
        <v>117</v>
      </c>
      <c r="AS35" s="84" t="s">
        <v>117</v>
      </c>
      <c r="AT35" s="72">
        <v>5</v>
      </c>
      <c r="AU35" s="73" t="s">
        <v>141</v>
      </c>
      <c r="AV35" s="70">
        <f>ROUND([1]第11表元データ!CU7/1000,0)</f>
        <v>32474</v>
      </c>
      <c r="AW35" s="70">
        <f>ROUND([1]第11表元データ!CV7/1000,0)</f>
        <v>23434</v>
      </c>
      <c r="AX35" s="70">
        <f>ROUND([1]第11表元データ!CW7/1000,0)</f>
        <v>0</v>
      </c>
      <c r="AY35" s="70">
        <f>ROUND([1]第11表元データ!CX7/1000,0)</f>
        <v>12885</v>
      </c>
      <c r="AZ35" s="70">
        <f>ROUND([1]第11表元データ!CY7/1000,0)</f>
        <v>991</v>
      </c>
      <c r="BA35" s="70">
        <f>ROUND([1]第11表元データ!CZ7/1000,0)</f>
        <v>63125</v>
      </c>
      <c r="BB35" s="70">
        <f>ROUND([1]第11表元データ!DA7/1000,0)</f>
        <v>0</v>
      </c>
      <c r="BC35" s="70">
        <f>ROUND([1]第11表元データ!DB7/1000,0)</f>
        <v>3844</v>
      </c>
      <c r="BD35" s="70">
        <f>ROUND([1]第11表元データ!DC7/1000,0)</f>
        <v>0</v>
      </c>
      <c r="BE35" s="70">
        <f>ROUND([1]第11表元データ!DD7/1000,0)</f>
        <v>4106487</v>
      </c>
      <c r="BF35" s="74">
        <v>5</v>
      </c>
    </row>
    <row r="36" spans="1:58" ht="15" customHeight="1">
      <c r="A36" s="72">
        <v>6</v>
      </c>
      <c r="B36" s="73" t="s">
        <v>142</v>
      </c>
      <c r="C36" s="70">
        <f>ROUND([1]第11表元データ!BF8/1000,0)</f>
        <v>89646</v>
      </c>
      <c r="D36" s="70">
        <f>ROUND([1]第11表元データ!BG8/1000,0)</f>
        <v>2551136</v>
      </c>
      <c r="E36" s="70">
        <f>ROUND([1]第11表元データ!BH8/1000,0)</f>
        <v>6290</v>
      </c>
      <c r="F36" s="70">
        <f>ROUND([1]第11表元データ!BI8/1000,0)</f>
        <v>2557425</v>
      </c>
      <c r="G36" s="70">
        <f>ROUND([1]第11表元データ!BJ8/1000,0)</f>
        <v>418980</v>
      </c>
      <c r="H36" s="70">
        <f>ROUND([1]第11表元データ!BK8/1000,0)</f>
        <v>243</v>
      </c>
      <c r="I36" s="70">
        <f>ROUND([1]第11表元データ!BL8/1000,0)</f>
        <v>0</v>
      </c>
      <c r="J36" s="70">
        <f>ROUND([1]第11表元データ!BM8/1000,0)</f>
        <v>2920</v>
      </c>
      <c r="K36" s="70">
        <f>ROUND([1]第11表元データ!BN8/1000,0)</f>
        <v>1230</v>
      </c>
      <c r="L36" s="70">
        <f>ROUND([1]第11表元データ!BO8/1000,0)</f>
        <v>0</v>
      </c>
      <c r="M36" s="70">
        <f>ROUND([1]第11表元データ!BP8/1000,0)</f>
        <v>0</v>
      </c>
      <c r="N36" s="70">
        <f>ROUND([1]第11表元データ!BQ8/1000,0)</f>
        <v>2980798</v>
      </c>
      <c r="O36" s="70">
        <f>ROUND([1]第11表元データ!BR8/1000,0)</f>
        <v>0</v>
      </c>
      <c r="P36" s="70">
        <f>ROUND([1]第11表元データ!BS8/1000,0)</f>
        <v>0</v>
      </c>
      <c r="Q36" s="70">
        <f>ROUND([1]第11表元データ!BT8/1000,0)</f>
        <v>0</v>
      </c>
      <c r="R36" s="70">
        <f>ROUND([1]第11表元データ!BU8/1000,0)</f>
        <v>0</v>
      </c>
      <c r="S36" s="70">
        <f>ROUND([1]第11表元データ!BV8/1000,0)</f>
        <v>0</v>
      </c>
      <c r="T36" s="70">
        <f>ROUND([1]第11表元データ!BW8/1000,0)</f>
        <v>7685</v>
      </c>
      <c r="U36" s="70">
        <f>ROUND([1]第11表元データ!BX8/1000,0)</f>
        <v>2988483</v>
      </c>
      <c r="V36" s="70" t="s">
        <v>117</v>
      </c>
      <c r="W36" s="70" t="s">
        <v>117</v>
      </c>
      <c r="X36" s="70" t="s">
        <v>117</v>
      </c>
      <c r="Y36" s="72">
        <v>6</v>
      </c>
      <c r="Z36" s="73" t="s">
        <v>142</v>
      </c>
      <c r="AA36" s="84" t="s">
        <v>117</v>
      </c>
      <c r="AB36" s="84" t="s">
        <v>117</v>
      </c>
      <c r="AC36" s="84" t="s">
        <v>117</v>
      </c>
      <c r="AD36" s="84" t="s">
        <v>117</v>
      </c>
      <c r="AE36" s="84" t="s">
        <v>117</v>
      </c>
      <c r="AF36" s="84" t="s">
        <v>117</v>
      </c>
      <c r="AG36" s="84" t="s">
        <v>117</v>
      </c>
      <c r="AH36" s="84">
        <f>ROUND([1]第11表元データ!CI8/1000,0)</f>
        <v>573368</v>
      </c>
      <c r="AI36" s="84">
        <f>ROUND([1]第11表元データ!CJ8/1000,0)</f>
        <v>14</v>
      </c>
      <c r="AJ36" s="84">
        <f>ROUND([1]第11表元データ!CK8/1000,0)</f>
        <v>573382</v>
      </c>
      <c r="AK36" s="84">
        <f>ROUND([1]第11表元データ!CL8/1000,0)</f>
        <v>207659</v>
      </c>
      <c r="AL36" s="84">
        <f>ROUND([1]第11表元データ!CM8/1000,0)</f>
        <v>2</v>
      </c>
      <c r="AM36" s="84">
        <f>ROUND([1]第11表元データ!CN8/1000,0)</f>
        <v>207660</v>
      </c>
      <c r="AN36" s="84">
        <f>ROUND([1]第11表元データ!CO8/1000,0)</f>
        <v>62133</v>
      </c>
      <c r="AO36" s="84">
        <f>ROUND([1]第11表元データ!CP8/1000,0)</f>
        <v>843176</v>
      </c>
      <c r="AP36" s="84">
        <f>ROUND([1]第11表元データ!CQ8/1000,0)</f>
        <v>0</v>
      </c>
      <c r="AQ36" s="84" t="s">
        <v>117</v>
      </c>
      <c r="AR36" s="84" t="s">
        <v>117</v>
      </c>
      <c r="AS36" s="84" t="s">
        <v>117</v>
      </c>
      <c r="AT36" s="72">
        <v>6</v>
      </c>
      <c r="AU36" s="73" t="s">
        <v>142</v>
      </c>
      <c r="AV36" s="70">
        <f>ROUND([1]第11表元データ!CU8/1000,0)</f>
        <v>33023</v>
      </c>
      <c r="AW36" s="70">
        <f>ROUND([1]第11表元データ!CV8/1000,0)</f>
        <v>13047</v>
      </c>
      <c r="AX36" s="70">
        <f>ROUND([1]第11表元データ!CW8/1000,0)</f>
        <v>0</v>
      </c>
      <c r="AY36" s="70">
        <f>ROUND([1]第11表元データ!CX8/1000,0)</f>
        <v>10403</v>
      </c>
      <c r="AZ36" s="70">
        <f>ROUND([1]第11表元データ!CY8/1000,0)</f>
        <v>0</v>
      </c>
      <c r="BA36" s="70">
        <f>ROUND([1]第11表元データ!CZ8/1000,0)</f>
        <v>65058</v>
      </c>
      <c r="BB36" s="70">
        <f>ROUND([1]第11表元データ!DA8/1000,0)</f>
        <v>0</v>
      </c>
      <c r="BC36" s="70">
        <f>ROUND([1]第11表元データ!DB8/1000,0)</f>
        <v>3561</v>
      </c>
      <c r="BD36" s="70">
        <f>ROUND([1]第11表元データ!DC8/1000,0)</f>
        <v>0</v>
      </c>
      <c r="BE36" s="70">
        <f>ROUND([1]第11表元データ!DD8/1000,0)</f>
        <v>4046397</v>
      </c>
      <c r="BF36" s="74">
        <v>6</v>
      </c>
    </row>
    <row r="37" spans="1:58" ht="15" customHeight="1">
      <c r="A37" s="72">
        <v>7</v>
      </c>
      <c r="B37" s="73" t="s">
        <v>143</v>
      </c>
      <c r="C37" s="70">
        <f>ROUND([1]第11表元データ!BF9/1000,0)</f>
        <v>65269</v>
      </c>
      <c r="D37" s="70">
        <f>ROUND([1]第11表元データ!BG9/1000,0)</f>
        <v>1972936</v>
      </c>
      <c r="E37" s="70">
        <f>ROUND([1]第11表元データ!BH9/1000,0)</f>
        <v>4316</v>
      </c>
      <c r="F37" s="70">
        <f>ROUND([1]第11表元データ!BI9/1000,0)</f>
        <v>1977252</v>
      </c>
      <c r="G37" s="70">
        <f>ROUND([1]第11表元データ!BJ9/1000,0)</f>
        <v>349082</v>
      </c>
      <c r="H37" s="70">
        <f>ROUND([1]第11表元データ!BK9/1000,0)</f>
        <v>463</v>
      </c>
      <c r="I37" s="70">
        <f>ROUND([1]第11表元データ!BL9/1000,0)</f>
        <v>0</v>
      </c>
      <c r="J37" s="70">
        <f>ROUND([1]第11表元データ!BM9/1000,0)</f>
        <v>2863</v>
      </c>
      <c r="K37" s="70">
        <f>ROUND([1]第11表元データ!BN9/1000,0)</f>
        <v>1320</v>
      </c>
      <c r="L37" s="70">
        <f>ROUND([1]第11表元データ!BO9/1000,0)</f>
        <v>0</v>
      </c>
      <c r="M37" s="70">
        <f>ROUND([1]第11表元データ!BP9/1000,0)</f>
        <v>0</v>
      </c>
      <c r="N37" s="70">
        <f>ROUND([1]第11表元データ!BQ9/1000,0)</f>
        <v>2330981</v>
      </c>
      <c r="O37" s="70">
        <f>ROUND([1]第11表元データ!BR9/1000,0)</f>
        <v>0</v>
      </c>
      <c r="P37" s="70">
        <f>ROUND([1]第11表元データ!BS9/1000,0)</f>
        <v>0</v>
      </c>
      <c r="Q37" s="70">
        <f>ROUND([1]第11表元データ!BT9/1000,0)</f>
        <v>0</v>
      </c>
      <c r="R37" s="70">
        <f>ROUND([1]第11表元データ!BU9/1000,0)</f>
        <v>0</v>
      </c>
      <c r="S37" s="70">
        <f>ROUND([1]第11表元データ!BV9/1000,0)</f>
        <v>0</v>
      </c>
      <c r="T37" s="70">
        <f>ROUND([1]第11表元データ!BW9/1000,0)</f>
        <v>5388</v>
      </c>
      <c r="U37" s="70">
        <f>ROUND([1]第11表元データ!BX9/1000,0)</f>
        <v>2336368</v>
      </c>
      <c r="V37" s="70" t="s">
        <v>117</v>
      </c>
      <c r="W37" s="70" t="s">
        <v>117</v>
      </c>
      <c r="X37" s="70" t="s">
        <v>117</v>
      </c>
      <c r="Y37" s="72">
        <v>7</v>
      </c>
      <c r="Z37" s="73" t="s">
        <v>143</v>
      </c>
      <c r="AA37" s="84" t="s">
        <v>117</v>
      </c>
      <c r="AB37" s="84" t="s">
        <v>117</v>
      </c>
      <c r="AC37" s="84" t="s">
        <v>117</v>
      </c>
      <c r="AD37" s="84" t="s">
        <v>117</v>
      </c>
      <c r="AE37" s="84" t="s">
        <v>117</v>
      </c>
      <c r="AF37" s="84" t="s">
        <v>117</v>
      </c>
      <c r="AG37" s="84" t="s">
        <v>117</v>
      </c>
      <c r="AH37" s="84">
        <f>ROUND([1]第11表元データ!CI9/1000,0)</f>
        <v>433208</v>
      </c>
      <c r="AI37" s="84">
        <f>ROUND([1]第11表元データ!CJ9/1000,0)</f>
        <v>0</v>
      </c>
      <c r="AJ37" s="84">
        <f>ROUND([1]第11表元データ!CK9/1000,0)</f>
        <v>433208</v>
      </c>
      <c r="AK37" s="84">
        <f>ROUND([1]第11表元データ!CL9/1000,0)</f>
        <v>132036</v>
      </c>
      <c r="AL37" s="84">
        <f>ROUND([1]第11表元データ!CM9/1000,0)</f>
        <v>0</v>
      </c>
      <c r="AM37" s="84">
        <f>ROUND([1]第11表元データ!CN9/1000,0)</f>
        <v>132036</v>
      </c>
      <c r="AN37" s="84">
        <f>ROUND([1]第11表元データ!CO9/1000,0)</f>
        <v>35644</v>
      </c>
      <c r="AO37" s="84">
        <f>ROUND([1]第11表元データ!CP9/1000,0)</f>
        <v>600888</v>
      </c>
      <c r="AP37" s="84">
        <f>ROUND([1]第11表元データ!CQ9/1000,0)</f>
        <v>0</v>
      </c>
      <c r="AQ37" s="84" t="s">
        <v>117</v>
      </c>
      <c r="AR37" s="84" t="s">
        <v>117</v>
      </c>
      <c r="AS37" s="84" t="s">
        <v>117</v>
      </c>
      <c r="AT37" s="72">
        <v>7</v>
      </c>
      <c r="AU37" s="73" t="s">
        <v>143</v>
      </c>
      <c r="AV37" s="70">
        <f>ROUND([1]第11表元データ!CU9/1000,0)</f>
        <v>21399</v>
      </c>
      <c r="AW37" s="70">
        <f>ROUND([1]第11表元データ!CV9/1000,0)</f>
        <v>14380</v>
      </c>
      <c r="AX37" s="70">
        <f>ROUND([1]第11表元データ!CW9/1000,0)</f>
        <v>0</v>
      </c>
      <c r="AY37" s="70">
        <f>ROUND([1]第11表元データ!CX9/1000,0)</f>
        <v>5455</v>
      </c>
      <c r="AZ37" s="70">
        <f>ROUND([1]第11表元データ!CY9/1000,0)</f>
        <v>751</v>
      </c>
      <c r="BA37" s="70">
        <f>ROUND([1]第11表元データ!CZ9/1000,0)</f>
        <v>5</v>
      </c>
      <c r="BB37" s="70">
        <f>ROUND([1]第11表元データ!DA9/1000,0)</f>
        <v>0</v>
      </c>
      <c r="BC37" s="70">
        <f>ROUND([1]第11表元データ!DB9/1000,0)</f>
        <v>362</v>
      </c>
      <c r="BD37" s="70">
        <f>ROUND([1]第11表元データ!DC9/1000,0)</f>
        <v>0</v>
      </c>
      <c r="BE37" s="70">
        <f>ROUND([1]第11表元データ!DD9/1000,0)</f>
        <v>3044878</v>
      </c>
      <c r="BF37" s="74">
        <v>7</v>
      </c>
    </row>
    <row r="38" spans="1:58" ht="15" customHeight="1">
      <c r="A38" s="72">
        <v>36</v>
      </c>
      <c r="B38" s="73" t="s">
        <v>144</v>
      </c>
      <c r="C38" s="70">
        <f>ROUND([1]第11表元データ!BF10/1000,0)</f>
        <v>25241</v>
      </c>
      <c r="D38" s="70">
        <f>ROUND([1]第11表元データ!BG10/1000,0)</f>
        <v>258873</v>
      </c>
      <c r="E38" s="70">
        <f>ROUND([1]第11表元データ!BH10/1000,0)</f>
        <v>681</v>
      </c>
      <c r="F38" s="70">
        <f>ROUND([1]第11表元データ!BI10/1000,0)</f>
        <v>259554</v>
      </c>
      <c r="G38" s="70">
        <f>ROUND([1]第11表元データ!BJ10/1000,0)</f>
        <v>40797</v>
      </c>
      <c r="H38" s="70">
        <f>ROUND([1]第11表元データ!BK10/1000,0)</f>
        <v>76</v>
      </c>
      <c r="I38" s="70">
        <f>ROUND([1]第11表元データ!BL10/1000,0)</f>
        <v>0</v>
      </c>
      <c r="J38" s="70">
        <f>ROUND([1]第11表元データ!BM10/1000,0)</f>
        <v>0</v>
      </c>
      <c r="K38" s="70">
        <f>ROUND([1]第11表元データ!BN10/1000,0)</f>
        <v>150</v>
      </c>
      <c r="L38" s="70">
        <f>ROUND([1]第11表元データ!BO10/1000,0)</f>
        <v>0</v>
      </c>
      <c r="M38" s="70">
        <f>ROUND([1]第11表元データ!BP10/1000,0)</f>
        <v>0</v>
      </c>
      <c r="N38" s="70">
        <f>ROUND([1]第11表元データ!BQ10/1000,0)</f>
        <v>300577</v>
      </c>
      <c r="O38" s="70">
        <f>ROUND([1]第11表元データ!BR10/1000,0)</f>
        <v>0</v>
      </c>
      <c r="P38" s="70">
        <f>ROUND([1]第11表元データ!BS10/1000,0)</f>
        <v>0</v>
      </c>
      <c r="Q38" s="70">
        <f>ROUND([1]第11表元データ!BT10/1000,0)</f>
        <v>0</v>
      </c>
      <c r="R38" s="70">
        <f>ROUND([1]第11表元データ!BU10/1000,0)</f>
        <v>0</v>
      </c>
      <c r="S38" s="70">
        <f>ROUND([1]第11表元データ!BV10/1000,0)</f>
        <v>0</v>
      </c>
      <c r="T38" s="70">
        <f>ROUND([1]第11表元データ!BW10/1000,0)</f>
        <v>760</v>
      </c>
      <c r="U38" s="70">
        <f>ROUND([1]第11表元データ!BX10/1000,0)</f>
        <v>301338</v>
      </c>
      <c r="V38" s="70" t="s">
        <v>117</v>
      </c>
      <c r="W38" s="70" t="s">
        <v>117</v>
      </c>
      <c r="X38" s="70" t="s">
        <v>117</v>
      </c>
      <c r="Y38" s="72">
        <v>36</v>
      </c>
      <c r="Z38" s="73" t="s">
        <v>144</v>
      </c>
      <c r="AA38" s="84" t="s">
        <v>117</v>
      </c>
      <c r="AB38" s="84" t="s">
        <v>117</v>
      </c>
      <c r="AC38" s="84" t="s">
        <v>117</v>
      </c>
      <c r="AD38" s="84" t="s">
        <v>117</v>
      </c>
      <c r="AE38" s="84" t="s">
        <v>117</v>
      </c>
      <c r="AF38" s="84" t="s">
        <v>117</v>
      </c>
      <c r="AG38" s="84" t="s">
        <v>117</v>
      </c>
      <c r="AH38" s="84">
        <f>ROUND([1]第11表元データ!CI10/1000,0)</f>
        <v>61177</v>
      </c>
      <c r="AI38" s="84">
        <f>ROUND([1]第11表元データ!CJ10/1000,0)</f>
        <v>0</v>
      </c>
      <c r="AJ38" s="84">
        <f>ROUND([1]第11表元データ!CK10/1000,0)</f>
        <v>61177</v>
      </c>
      <c r="AK38" s="84">
        <f>ROUND([1]第11表元データ!CL10/1000,0)</f>
        <v>18189</v>
      </c>
      <c r="AL38" s="84">
        <f>ROUND([1]第11表元データ!CM10/1000,0)</f>
        <v>0</v>
      </c>
      <c r="AM38" s="84">
        <f>ROUND([1]第11表元データ!CN10/1000,0)</f>
        <v>18189</v>
      </c>
      <c r="AN38" s="84">
        <f>ROUND([1]第11表元データ!CO10/1000,0)</f>
        <v>4394</v>
      </c>
      <c r="AO38" s="84">
        <f>ROUND([1]第11表元データ!CP10/1000,0)</f>
        <v>83760</v>
      </c>
      <c r="AP38" s="84">
        <f>ROUND([1]第11表元データ!CQ10/1000,0)</f>
        <v>0</v>
      </c>
      <c r="AQ38" s="84" t="s">
        <v>117</v>
      </c>
      <c r="AR38" s="84" t="s">
        <v>117</v>
      </c>
      <c r="AS38" s="84" t="s">
        <v>117</v>
      </c>
      <c r="AT38" s="72">
        <v>36</v>
      </c>
      <c r="AU38" s="73" t="s">
        <v>144</v>
      </c>
      <c r="AV38" s="70">
        <f>ROUND([1]第11表元データ!CU10/1000,0)</f>
        <v>3122</v>
      </c>
      <c r="AW38" s="70">
        <f>ROUND([1]第11表元データ!CV10/1000,0)</f>
        <v>1159</v>
      </c>
      <c r="AX38" s="70">
        <f>ROUND([1]第11表元データ!CW10/1000,0)</f>
        <v>0</v>
      </c>
      <c r="AY38" s="70">
        <f>ROUND([1]第11表元データ!CX10/1000,0)</f>
        <v>3594</v>
      </c>
      <c r="AZ38" s="70">
        <f>ROUND([1]第11表元データ!CY10/1000,0)</f>
        <v>0</v>
      </c>
      <c r="BA38" s="70">
        <f>ROUND([1]第11表元データ!CZ10/1000,0)</f>
        <v>249</v>
      </c>
      <c r="BB38" s="70">
        <f>ROUND([1]第11表元データ!DA10/1000,0)</f>
        <v>14</v>
      </c>
      <c r="BC38" s="70">
        <f>ROUND([1]第11表元データ!DB10/1000,0)</f>
        <v>106</v>
      </c>
      <c r="BD38" s="70">
        <f>ROUND([1]第11表元データ!DC10/1000,0)</f>
        <v>0</v>
      </c>
      <c r="BE38" s="70">
        <f>ROUND([1]第11表元データ!DD10/1000,0)</f>
        <v>418582</v>
      </c>
      <c r="BF38" s="74">
        <v>36</v>
      </c>
    </row>
    <row r="39" spans="1:58" ht="15" customHeight="1">
      <c r="A39" s="72">
        <v>49</v>
      </c>
      <c r="B39" s="73" t="s">
        <v>145</v>
      </c>
      <c r="C39" s="70">
        <f>ROUND([1]第11表元データ!BF11/1000,0)</f>
        <v>25972</v>
      </c>
      <c r="D39" s="70">
        <f>ROUND([1]第11表元データ!BG11/1000,0)</f>
        <v>641555</v>
      </c>
      <c r="E39" s="70">
        <f>ROUND([1]第11表元データ!BH11/1000,0)</f>
        <v>3316</v>
      </c>
      <c r="F39" s="70">
        <f>ROUND([1]第11表元データ!BI11/1000,0)</f>
        <v>644871</v>
      </c>
      <c r="G39" s="70">
        <f>ROUND([1]第11表元データ!BJ11/1000,0)</f>
        <v>109221</v>
      </c>
      <c r="H39" s="70">
        <f>ROUND([1]第11表元データ!BK11/1000,0)</f>
        <v>2</v>
      </c>
      <c r="I39" s="70">
        <f>ROUND([1]第11表元データ!BL11/1000,0)</f>
        <v>0</v>
      </c>
      <c r="J39" s="70">
        <f>ROUND([1]第11表元データ!BM11/1000,0)</f>
        <v>1500</v>
      </c>
      <c r="K39" s="70">
        <f>ROUND([1]第11表元データ!BN11/1000,0)</f>
        <v>480</v>
      </c>
      <c r="L39" s="70">
        <f>ROUND([1]第11表元データ!BO11/1000,0)</f>
        <v>0</v>
      </c>
      <c r="M39" s="70">
        <f>ROUND([1]第11表元データ!BP11/1000,0)</f>
        <v>0</v>
      </c>
      <c r="N39" s="70">
        <f>ROUND([1]第11表元データ!BQ11/1000,0)</f>
        <v>756074</v>
      </c>
      <c r="O39" s="70">
        <f>ROUND([1]第11表元データ!BR11/1000,0)</f>
        <v>0</v>
      </c>
      <c r="P39" s="70">
        <f>ROUND([1]第11表元データ!BS11/1000,0)</f>
        <v>0</v>
      </c>
      <c r="Q39" s="70">
        <f>ROUND([1]第11表元データ!BT11/1000,0)</f>
        <v>0</v>
      </c>
      <c r="R39" s="70">
        <f>ROUND([1]第11表元データ!BU11/1000,0)</f>
        <v>0</v>
      </c>
      <c r="S39" s="70">
        <f>ROUND([1]第11表元データ!BV11/1000,0)</f>
        <v>0</v>
      </c>
      <c r="T39" s="70">
        <f>ROUND([1]第11表元データ!BW11/1000,0)</f>
        <v>2162</v>
      </c>
      <c r="U39" s="70">
        <f>ROUND([1]第11表元データ!BX11/1000,0)</f>
        <v>758236</v>
      </c>
      <c r="V39" s="70" t="s">
        <v>117</v>
      </c>
      <c r="W39" s="70" t="s">
        <v>117</v>
      </c>
      <c r="X39" s="70" t="s">
        <v>117</v>
      </c>
      <c r="Y39" s="72">
        <v>49</v>
      </c>
      <c r="Z39" s="73" t="s">
        <v>145</v>
      </c>
      <c r="AA39" s="84" t="s">
        <v>117</v>
      </c>
      <c r="AB39" s="84" t="s">
        <v>117</v>
      </c>
      <c r="AC39" s="84" t="s">
        <v>117</v>
      </c>
      <c r="AD39" s="84" t="s">
        <v>117</v>
      </c>
      <c r="AE39" s="84" t="s">
        <v>117</v>
      </c>
      <c r="AF39" s="84" t="s">
        <v>117</v>
      </c>
      <c r="AG39" s="84" t="s">
        <v>117</v>
      </c>
      <c r="AH39" s="84">
        <f>ROUND([1]第11表元データ!CI11/1000,0)</f>
        <v>127592</v>
      </c>
      <c r="AI39" s="84">
        <f>ROUND([1]第11表元データ!CJ11/1000,0)</f>
        <v>0</v>
      </c>
      <c r="AJ39" s="84">
        <f>ROUND([1]第11表元データ!CK11/1000,0)</f>
        <v>127592</v>
      </c>
      <c r="AK39" s="84">
        <f>ROUND([1]第11表元データ!CL11/1000,0)</f>
        <v>43847</v>
      </c>
      <c r="AL39" s="84">
        <f>ROUND([1]第11表元データ!CM11/1000,0)</f>
        <v>0</v>
      </c>
      <c r="AM39" s="84">
        <f>ROUND([1]第11表元データ!CN11/1000,0)</f>
        <v>43847</v>
      </c>
      <c r="AN39" s="84">
        <f>ROUND([1]第11表元データ!CO11/1000,0)</f>
        <v>11181</v>
      </c>
      <c r="AO39" s="84">
        <f>ROUND([1]第11表元データ!CP11/1000,0)</f>
        <v>182620</v>
      </c>
      <c r="AP39" s="84">
        <f>ROUND([1]第11表元データ!CQ11/1000,0)</f>
        <v>0</v>
      </c>
      <c r="AQ39" s="84" t="s">
        <v>117</v>
      </c>
      <c r="AR39" s="84" t="s">
        <v>117</v>
      </c>
      <c r="AS39" s="84" t="s">
        <v>117</v>
      </c>
      <c r="AT39" s="72">
        <v>49</v>
      </c>
      <c r="AU39" s="73" t="s">
        <v>145</v>
      </c>
      <c r="AV39" s="70">
        <f>ROUND([1]第11表元データ!CU11/1000,0)</f>
        <v>10970</v>
      </c>
      <c r="AW39" s="70">
        <f>ROUND([1]第11表元データ!CV11/1000,0)</f>
        <v>6085</v>
      </c>
      <c r="AX39" s="70">
        <f>ROUND([1]第11表元データ!CW11/1000,0)</f>
        <v>0</v>
      </c>
      <c r="AY39" s="70">
        <f>ROUND([1]第11表元データ!CX11/1000,0)</f>
        <v>5190</v>
      </c>
      <c r="AZ39" s="70">
        <f>ROUND([1]第11表元データ!CY11/1000,0)</f>
        <v>0</v>
      </c>
      <c r="BA39" s="70">
        <f>ROUND([1]第11表元データ!CZ11/1000,0)</f>
        <v>2</v>
      </c>
      <c r="BB39" s="70">
        <f>ROUND([1]第11表元データ!DA11/1000,0)</f>
        <v>0</v>
      </c>
      <c r="BC39" s="70">
        <f>ROUND([1]第11表元データ!DB11/1000,0)</f>
        <v>464</v>
      </c>
      <c r="BD39" s="70">
        <f>ROUND([1]第11表元データ!DC11/1000,0)</f>
        <v>0</v>
      </c>
      <c r="BE39" s="70">
        <f>ROUND([1]第11表元データ!DD11/1000,0)</f>
        <v>989539</v>
      </c>
      <c r="BF39" s="74">
        <v>49</v>
      </c>
    </row>
    <row r="40" spans="1:58" ht="15" customHeight="1">
      <c r="A40" s="72">
        <v>57</v>
      </c>
      <c r="B40" s="73" t="s">
        <v>146</v>
      </c>
      <c r="C40" s="70">
        <f>ROUND([1]第11表元データ!BF12/1000,0)</f>
        <v>13831</v>
      </c>
      <c r="D40" s="70">
        <f>ROUND([1]第11表元データ!BG12/1000,0)</f>
        <v>209556</v>
      </c>
      <c r="E40" s="70">
        <f>ROUND([1]第11表元データ!BH12/1000,0)</f>
        <v>299</v>
      </c>
      <c r="F40" s="70">
        <f>ROUND([1]第11表元データ!BI12/1000,0)</f>
        <v>209855</v>
      </c>
      <c r="G40" s="70">
        <f>ROUND([1]第11表元データ!BJ12/1000,0)</f>
        <v>35277</v>
      </c>
      <c r="H40" s="70">
        <f>ROUND([1]第11表元データ!BK12/1000,0)</f>
        <v>0</v>
      </c>
      <c r="I40" s="70">
        <f>ROUND([1]第11表元データ!BL12/1000,0)</f>
        <v>143</v>
      </c>
      <c r="J40" s="70">
        <f>ROUND([1]第11表元データ!BM12/1000,0)</f>
        <v>500</v>
      </c>
      <c r="K40" s="70">
        <f>ROUND([1]第11表元データ!BN12/1000,0)</f>
        <v>150</v>
      </c>
      <c r="L40" s="70">
        <f>ROUND([1]第11表元データ!BO12/1000,0)</f>
        <v>0</v>
      </c>
      <c r="M40" s="70">
        <f>ROUND([1]第11表元データ!BP12/1000,0)</f>
        <v>0</v>
      </c>
      <c r="N40" s="70">
        <f>ROUND([1]第11表元データ!BQ12/1000,0)</f>
        <v>245926</v>
      </c>
      <c r="O40" s="70">
        <f>ROUND([1]第11表元データ!BR12/1000,0)</f>
        <v>0</v>
      </c>
      <c r="P40" s="70">
        <f>ROUND([1]第11表元データ!BS12/1000,0)</f>
        <v>0</v>
      </c>
      <c r="Q40" s="70">
        <f>ROUND([1]第11表元データ!BT12/1000,0)</f>
        <v>0</v>
      </c>
      <c r="R40" s="70">
        <f>ROUND([1]第11表元データ!BU12/1000,0)</f>
        <v>0</v>
      </c>
      <c r="S40" s="70">
        <f>ROUND([1]第11表元データ!BV12/1000,0)</f>
        <v>0</v>
      </c>
      <c r="T40" s="70">
        <f>ROUND([1]第11表元データ!BW12/1000,0)</f>
        <v>378</v>
      </c>
      <c r="U40" s="70">
        <f>ROUND([1]第11表元データ!BX12/1000,0)</f>
        <v>246304</v>
      </c>
      <c r="V40" s="70" t="s">
        <v>117</v>
      </c>
      <c r="W40" s="70" t="s">
        <v>117</v>
      </c>
      <c r="X40" s="70" t="s">
        <v>117</v>
      </c>
      <c r="Y40" s="72">
        <v>57</v>
      </c>
      <c r="Z40" s="73" t="s">
        <v>146</v>
      </c>
      <c r="AA40" s="84" t="s">
        <v>117</v>
      </c>
      <c r="AB40" s="84" t="s">
        <v>117</v>
      </c>
      <c r="AC40" s="84" t="s">
        <v>117</v>
      </c>
      <c r="AD40" s="84" t="s">
        <v>117</v>
      </c>
      <c r="AE40" s="84" t="s">
        <v>117</v>
      </c>
      <c r="AF40" s="84" t="s">
        <v>117</v>
      </c>
      <c r="AG40" s="84" t="s">
        <v>117</v>
      </c>
      <c r="AH40" s="84">
        <f>ROUND([1]第11表元データ!CI12/1000,0)</f>
        <v>46530</v>
      </c>
      <c r="AI40" s="84">
        <f>ROUND([1]第11表元データ!CJ12/1000,0)</f>
        <v>0</v>
      </c>
      <c r="AJ40" s="84">
        <f>ROUND([1]第11表元データ!CK12/1000,0)</f>
        <v>46530</v>
      </c>
      <c r="AK40" s="84">
        <f>ROUND([1]第11表元データ!CL12/1000,0)</f>
        <v>19675</v>
      </c>
      <c r="AL40" s="84">
        <f>ROUND([1]第11表元データ!CM12/1000,0)</f>
        <v>0</v>
      </c>
      <c r="AM40" s="84">
        <f>ROUND([1]第11表元データ!CN12/1000,0)</f>
        <v>19675</v>
      </c>
      <c r="AN40" s="84">
        <f>ROUND([1]第11表元データ!CO12/1000,0)</f>
        <v>5153</v>
      </c>
      <c r="AO40" s="84">
        <f>ROUND([1]第11表元データ!CP12/1000,0)</f>
        <v>71358</v>
      </c>
      <c r="AP40" s="84">
        <f>ROUND([1]第11表元データ!CQ12/1000,0)</f>
        <v>0</v>
      </c>
      <c r="AQ40" s="84" t="s">
        <v>117</v>
      </c>
      <c r="AR40" s="84" t="s">
        <v>117</v>
      </c>
      <c r="AS40" s="84" t="s">
        <v>117</v>
      </c>
      <c r="AT40" s="72">
        <v>57</v>
      </c>
      <c r="AU40" s="73" t="s">
        <v>146</v>
      </c>
      <c r="AV40" s="70">
        <f>ROUND([1]第11表元データ!CU12/1000,0)</f>
        <v>2241</v>
      </c>
      <c r="AW40" s="70">
        <f>ROUND([1]第11表元データ!CV12/1000,0)</f>
        <v>289</v>
      </c>
      <c r="AX40" s="70">
        <f>ROUND([1]第11表元データ!CW12/1000,0)</f>
        <v>0</v>
      </c>
      <c r="AY40" s="70">
        <f>ROUND([1]第11表元データ!CX12/1000,0)</f>
        <v>682</v>
      </c>
      <c r="AZ40" s="70">
        <f>ROUND([1]第11表元データ!CY12/1000,0)</f>
        <v>0</v>
      </c>
      <c r="BA40" s="70">
        <f>ROUND([1]第11表元データ!CZ12/1000,0)</f>
        <v>0</v>
      </c>
      <c r="BB40" s="70">
        <f>ROUND([1]第11表元データ!DA12/1000,0)</f>
        <v>0</v>
      </c>
      <c r="BC40" s="70">
        <f>ROUND([1]第11表元データ!DB12/1000,0)</f>
        <v>32018</v>
      </c>
      <c r="BD40" s="70">
        <f>ROUND([1]第11表元データ!DC12/1000,0)</f>
        <v>0</v>
      </c>
      <c r="BE40" s="70">
        <f>ROUND([1]第11表元データ!DD12/1000,0)</f>
        <v>366723</v>
      </c>
      <c r="BF40" s="74">
        <v>57</v>
      </c>
    </row>
    <row r="41" spans="1:58" ht="15" customHeight="1">
      <c r="A41" s="72">
        <v>58</v>
      </c>
      <c r="B41" s="73" t="s">
        <v>147</v>
      </c>
      <c r="C41" s="70">
        <f>ROUND([1]第11表元データ!BF13/1000,0)</f>
        <v>5440</v>
      </c>
      <c r="D41" s="70">
        <f>ROUND([1]第11表元データ!BG13/1000,0)</f>
        <v>273689</v>
      </c>
      <c r="E41" s="70">
        <f>ROUND([1]第11表元データ!BH13/1000,0)</f>
        <v>321</v>
      </c>
      <c r="F41" s="70">
        <f>ROUND([1]第11表元データ!BI13/1000,0)</f>
        <v>274010</v>
      </c>
      <c r="G41" s="70">
        <f>ROUND([1]第11表元データ!BJ13/1000,0)</f>
        <v>41764</v>
      </c>
      <c r="H41" s="70">
        <f>ROUND([1]第11表元データ!BK13/1000,0)</f>
        <v>14</v>
      </c>
      <c r="I41" s="70">
        <f>ROUND([1]第11表元データ!BL13/1000,0)</f>
        <v>77</v>
      </c>
      <c r="J41" s="70">
        <f>ROUND([1]第11表元データ!BM13/1000,0)</f>
        <v>0</v>
      </c>
      <c r="K41" s="70">
        <f>ROUND([1]第11表元データ!BN13/1000,0)</f>
        <v>120</v>
      </c>
      <c r="L41" s="70">
        <f>ROUND([1]第11表元データ!BO13/1000,0)</f>
        <v>0</v>
      </c>
      <c r="M41" s="70">
        <f>ROUND([1]第11表元データ!BP13/1000,0)</f>
        <v>0</v>
      </c>
      <c r="N41" s="70">
        <f>ROUND([1]第11表元データ!BQ13/1000,0)</f>
        <v>315985</v>
      </c>
      <c r="O41" s="70">
        <f>ROUND([1]第11表元データ!BR13/1000,0)</f>
        <v>0</v>
      </c>
      <c r="P41" s="70">
        <f>ROUND([1]第11表元データ!BS13/1000,0)</f>
        <v>0</v>
      </c>
      <c r="Q41" s="70">
        <f>ROUND([1]第11表元データ!BT13/1000,0)</f>
        <v>0</v>
      </c>
      <c r="R41" s="70">
        <f>ROUND([1]第11表元データ!BU13/1000,0)</f>
        <v>0</v>
      </c>
      <c r="S41" s="70">
        <f>ROUND([1]第11表元データ!BV13/1000,0)</f>
        <v>0</v>
      </c>
      <c r="T41" s="70">
        <f>ROUND([1]第11表元データ!BW13/1000,0)</f>
        <v>664</v>
      </c>
      <c r="U41" s="70">
        <f>ROUND([1]第11表元データ!BX13/1000,0)</f>
        <v>316649</v>
      </c>
      <c r="V41" s="70" t="s">
        <v>117</v>
      </c>
      <c r="W41" s="70" t="s">
        <v>117</v>
      </c>
      <c r="X41" s="70" t="s">
        <v>117</v>
      </c>
      <c r="Y41" s="72">
        <v>58</v>
      </c>
      <c r="Z41" s="73" t="s">
        <v>147</v>
      </c>
      <c r="AA41" s="84" t="s">
        <v>117</v>
      </c>
      <c r="AB41" s="84" t="s">
        <v>117</v>
      </c>
      <c r="AC41" s="84" t="s">
        <v>117</v>
      </c>
      <c r="AD41" s="84" t="s">
        <v>117</v>
      </c>
      <c r="AE41" s="84" t="s">
        <v>117</v>
      </c>
      <c r="AF41" s="84" t="s">
        <v>117</v>
      </c>
      <c r="AG41" s="84" t="s">
        <v>117</v>
      </c>
      <c r="AH41" s="84">
        <f>ROUND([1]第11表元データ!CI13/1000,0)</f>
        <v>61454</v>
      </c>
      <c r="AI41" s="84">
        <f>ROUND([1]第11表元データ!CJ13/1000,0)</f>
        <v>0</v>
      </c>
      <c r="AJ41" s="84">
        <f>ROUND([1]第11表元データ!CK13/1000,0)</f>
        <v>61454</v>
      </c>
      <c r="AK41" s="84">
        <f>ROUND([1]第11表元データ!CL13/1000,0)</f>
        <v>24534</v>
      </c>
      <c r="AL41" s="84">
        <f>ROUND([1]第11表元データ!CM13/1000,0)</f>
        <v>0</v>
      </c>
      <c r="AM41" s="84">
        <f>ROUND([1]第11表元データ!CN13/1000,0)</f>
        <v>24534</v>
      </c>
      <c r="AN41" s="84">
        <f>ROUND([1]第11表元データ!CO13/1000,0)</f>
        <v>5284</v>
      </c>
      <c r="AO41" s="84">
        <f>ROUND([1]第11表元データ!CP13/1000,0)</f>
        <v>91272</v>
      </c>
      <c r="AP41" s="84">
        <f>ROUND([1]第11表元データ!CQ13/1000,0)</f>
        <v>0</v>
      </c>
      <c r="AQ41" s="84" t="s">
        <v>117</v>
      </c>
      <c r="AR41" s="84" t="s">
        <v>117</v>
      </c>
      <c r="AS41" s="84" t="s">
        <v>117</v>
      </c>
      <c r="AT41" s="72">
        <v>58</v>
      </c>
      <c r="AU41" s="73" t="s">
        <v>147</v>
      </c>
      <c r="AV41" s="70">
        <f>ROUND([1]第11表元データ!CU13/1000,0)</f>
        <v>3527</v>
      </c>
      <c r="AW41" s="70">
        <f>ROUND([1]第11表元データ!CV13/1000,0)</f>
        <v>510</v>
      </c>
      <c r="AX41" s="70">
        <f>ROUND([1]第11表元データ!CW13/1000,0)</f>
        <v>0</v>
      </c>
      <c r="AY41" s="70">
        <f>ROUND([1]第11表元データ!CX13/1000,0)</f>
        <v>847</v>
      </c>
      <c r="AZ41" s="70">
        <f>ROUND([1]第11表元データ!CY13/1000,0)</f>
        <v>4058</v>
      </c>
      <c r="BA41" s="70">
        <f>ROUND([1]第11表元データ!CZ13/1000,0)</f>
        <v>7944</v>
      </c>
      <c r="BB41" s="70">
        <f>ROUND([1]第11表元データ!DA13/1000,0)</f>
        <v>0</v>
      </c>
      <c r="BC41" s="70">
        <f>ROUND([1]第11表元データ!DB13/1000,0)</f>
        <v>1074</v>
      </c>
      <c r="BD41" s="70">
        <f>ROUND([1]第11表元データ!DC13/1000,0)</f>
        <v>0</v>
      </c>
      <c r="BE41" s="70">
        <f>ROUND([1]第11表元データ!DD13/1000,0)</f>
        <v>431321</v>
      </c>
      <c r="BF41" s="74">
        <v>58</v>
      </c>
    </row>
    <row r="42" spans="1:58" ht="15" customHeight="1">
      <c r="A42" s="72">
        <v>59</v>
      </c>
      <c r="B42" s="73" t="s">
        <v>148</v>
      </c>
      <c r="C42" s="70">
        <f>ROUND([1]第11表元データ!BF14/1000,0)</f>
        <v>8229</v>
      </c>
      <c r="D42" s="70">
        <f>ROUND([1]第11表元データ!BG14/1000,0)</f>
        <v>53341</v>
      </c>
      <c r="E42" s="70">
        <f>ROUND([1]第11表元データ!BH14/1000,0)</f>
        <v>64</v>
      </c>
      <c r="F42" s="70">
        <f>ROUND([1]第11表元データ!BI14/1000,0)</f>
        <v>53405</v>
      </c>
      <c r="G42" s="70">
        <f>ROUND([1]第11表元データ!BJ14/1000,0)</f>
        <v>5946</v>
      </c>
      <c r="H42" s="70">
        <f>ROUND([1]第11表元データ!BK14/1000,0)</f>
        <v>0</v>
      </c>
      <c r="I42" s="70">
        <f>ROUND([1]第11表元データ!BL14/1000,0)</f>
        <v>54</v>
      </c>
      <c r="J42" s="70">
        <f>ROUND([1]第11表元データ!BM14/1000,0)</f>
        <v>1500</v>
      </c>
      <c r="K42" s="70">
        <f>ROUND([1]第11表元データ!BN14/1000,0)</f>
        <v>0</v>
      </c>
      <c r="L42" s="70">
        <f>ROUND([1]第11表元データ!BO14/1000,0)</f>
        <v>0</v>
      </c>
      <c r="M42" s="70">
        <f>ROUND([1]第11表元データ!BP14/1000,0)</f>
        <v>0</v>
      </c>
      <c r="N42" s="70">
        <f>ROUND([1]第11表元データ!BQ14/1000,0)</f>
        <v>60905</v>
      </c>
      <c r="O42" s="70">
        <f>ROUND([1]第11表元データ!BR14/1000,0)</f>
        <v>0</v>
      </c>
      <c r="P42" s="70">
        <f>ROUND([1]第11表元データ!BS14/1000,0)</f>
        <v>0</v>
      </c>
      <c r="Q42" s="70">
        <f>ROUND([1]第11表元データ!BT14/1000,0)</f>
        <v>0</v>
      </c>
      <c r="R42" s="70">
        <f>ROUND([1]第11表元データ!BU14/1000,0)</f>
        <v>0</v>
      </c>
      <c r="S42" s="70">
        <f>ROUND([1]第11表元データ!BV14/1000,0)</f>
        <v>0</v>
      </c>
      <c r="T42" s="70">
        <f>ROUND([1]第11表元データ!BW14/1000,0)</f>
        <v>135</v>
      </c>
      <c r="U42" s="70">
        <f>ROUND([1]第11表元データ!BX14/1000,0)</f>
        <v>61040</v>
      </c>
      <c r="V42" s="70" t="s">
        <v>117</v>
      </c>
      <c r="W42" s="70" t="s">
        <v>117</v>
      </c>
      <c r="X42" s="70" t="s">
        <v>117</v>
      </c>
      <c r="Y42" s="72">
        <v>59</v>
      </c>
      <c r="Z42" s="73" t="s">
        <v>148</v>
      </c>
      <c r="AA42" s="84" t="s">
        <v>117</v>
      </c>
      <c r="AB42" s="84" t="s">
        <v>117</v>
      </c>
      <c r="AC42" s="84" t="s">
        <v>117</v>
      </c>
      <c r="AD42" s="84" t="s">
        <v>117</v>
      </c>
      <c r="AE42" s="84" t="s">
        <v>117</v>
      </c>
      <c r="AF42" s="84" t="s">
        <v>117</v>
      </c>
      <c r="AG42" s="84" t="s">
        <v>117</v>
      </c>
      <c r="AH42" s="84">
        <f>ROUND([1]第11表元データ!CI14/1000,0)</f>
        <v>17352</v>
      </c>
      <c r="AI42" s="84">
        <f>ROUND([1]第11表元データ!CJ14/1000,0)</f>
        <v>0</v>
      </c>
      <c r="AJ42" s="84">
        <f>ROUND([1]第11表元データ!CK14/1000,0)</f>
        <v>17352</v>
      </c>
      <c r="AK42" s="84">
        <f>ROUND([1]第11表元データ!CL14/1000,0)</f>
        <v>7773</v>
      </c>
      <c r="AL42" s="84">
        <f>ROUND([1]第11表元データ!CM14/1000,0)</f>
        <v>0</v>
      </c>
      <c r="AM42" s="84">
        <f>ROUND([1]第11表元データ!CN14/1000,0)</f>
        <v>7773</v>
      </c>
      <c r="AN42" s="84">
        <f>ROUND([1]第11表元データ!CO14/1000,0)</f>
        <v>2166</v>
      </c>
      <c r="AO42" s="84">
        <f>ROUND([1]第11表元データ!CP14/1000,0)</f>
        <v>27291</v>
      </c>
      <c r="AP42" s="84">
        <f>ROUND([1]第11表元データ!CQ14/1000,0)</f>
        <v>0</v>
      </c>
      <c r="AQ42" s="84" t="s">
        <v>117</v>
      </c>
      <c r="AR42" s="84" t="s">
        <v>117</v>
      </c>
      <c r="AS42" s="84" t="s">
        <v>117</v>
      </c>
      <c r="AT42" s="72">
        <v>59</v>
      </c>
      <c r="AU42" s="73" t="s">
        <v>148</v>
      </c>
      <c r="AV42" s="70">
        <f>ROUND([1]第11表元データ!CU14/1000,0)</f>
        <v>897</v>
      </c>
      <c r="AW42" s="70">
        <f>ROUND([1]第11表元データ!CV14/1000,0)</f>
        <v>402</v>
      </c>
      <c r="AX42" s="70">
        <f>ROUND([1]第11表元データ!CW14/1000,0)</f>
        <v>0</v>
      </c>
      <c r="AY42" s="70">
        <f>ROUND([1]第11表元データ!CX14/1000,0)</f>
        <v>279</v>
      </c>
      <c r="AZ42" s="70">
        <f>ROUND([1]第11表元データ!CY14/1000,0)</f>
        <v>26906</v>
      </c>
      <c r="BA42" s="70">
        <f>ROUND([1]第11表元データ!CZ14/1000,0)</f>
        <v>1699</v>
      </c>
      <c r="BB42" s="70">
        <f>ROUND([1]第11表元データ!DA14/1000,0)</f>
        <v>0</v>
      </c>
      <c r="BC42" s="70">
        <f>ROUND([1]第11表元データ!DB14/1000,0)</f>
        <v>23</v>
      </c>
      <c r="BD42" s="70">
        <f>ROUND([1]第11表元データ!DC14/1000,0)</f>
        <v>0</v>
      </c>
      <c r="BE42" s="70">
        <f>ROUND([1]第11表元データ!DD14/1000,0)</f>
        <v>126767</v>
      </c>
      <c r="BF42" s="74">
        <v>59</v>
      </c>
    </row>
    <row r="43" spans="1:58" ht="15" customHeight="1">
      <c r="A43" s="72">
        <v>61</v>
      </c>
      <c r="B43" s="73" t="s">
        <v>149</v>
      </c>
      <c r="C43" s="70">
        <f>ROUND([1]第11表元データ!BF15/1000,0)</f>
        <v>99165</v>
      </c>
      <c r="D43" s="70">
        <f>ROUND([1]第11表元データ!BG15/1000,0)</f>
        <v>2561522</v>
      </c>
      <c r="E43" s="70">
        <f>ROUND([1]第11表元データ!BH15/1000,0)</f>
        <v>6597</v>
      </c>
      <c r="F43" s="70">
        <f>ROUND([1]第11表元データ!BI15/1000,0)</f>
        <v>2568119</v>
      </c>
      <c r="G43" s="70">
        <f>ROUND([1]第11表元データ!BJ15/1000,0)</f>
        <v>395278</v>
      </c>
      <c r="H43" s="70">
        <f>ROUND([1]第11表元データ!BK15/1000,0)</f>
        <v>568</v>
      </c>
      <c r="I43" s="70">
        <f>ROUND([1]第11表元データ!BL15/1000,0)</f>
        <v>0</v>
      </c>
      <c r="J43" s="70">
        <f>ROUND([1]第11表元データ!BM15/1000,0)</f>
        <v>1988</v>
      </c>
      <c r="K43" s="70">
        <f>ROUND([1]第11表元データ!BN15/1000,0)</f>
        <v>1890</v>
      </c>
      <c r="L43" s="70">
        <f>ROUND([1]第11表元データ!BO15/1000,0)</f>
        <v>0</v>
      </c>
      <c r="M43" s="70">
        <f>ROUND([1]第11表元データ!BP15/1000,0)</f>
        <v>0</v>
      </c>
      <c r="N43" s="70">
        <f>ROUND([1]第11表元データ!BQ15/1000,0)</f>
        <v>2967843</v>
      </c>
      <c r="O43" s="70">
        <f>ROUND([1]第11表元データ!BR15/1000,0)</f>
        <v>0</v>
      </c>
      <c r="P43" s="70">
        <f>ROUND([1]第11表元データ!BS15/1000,0)</f>
        <v>0</v>
      </c>
      <c r="Q43" s="70">
        <f>ROUND([1]第11表元データ!BT15/1000,0)</f>
        <v>0</v>
      </c>
      <c r="R43" s="70">
        <f>ROUND([1]第11表元データ!BU15/1000,0)</f>
        <v>0</v>
      </c>
      <c r="S43" s="70">
        <f>ROUND([1]第11表元データ!BV15/1000,0)</f>
        <v>0</v>
      </c>
      <c r="T43" s="70">
        <f>ROUND([1]第11表元データ!BW15/1000,0)</f>
        <v>8082</v>
      </c>
      <c r="U43" s="70">
        <f>ROUND([1]第11表元データ!BX15/1000,0)</f>
        <v>2975925</v>
      </c>
      <c r="V43" s="70" t="s">
        <v>117</v>
      </c>
      <c r="W43" s="70" t="s">
        <v>117</v>
      </c>
      <c r="X43" s="70" t="s">
        <v>117</v>
      </c>
      <c r="Y43" s="72">
        <v>61</v>
      </c>
      <c r="Z43" s="73" t="s">
        <v>149</v>
      </c>
      <c r="AA43" s="84" t="s">
        <v>117</v>
      </c>
      <c r="AB43" s="84" t="s">
        <v>117</v>
      </c>
      <c r="AC43" s="84" t="s">
        <v>117</v>
      </c>
      <c r="AD43" s="84" t="s">
        <v>117</v>
      </c>
      <c r="AE43" s="84" t="s">
        <v>117</v>
      </c>
      <c r="AF43" s="84" t="s">
        <v>117</v>
      </c>
      <c r="AG43" s="84" t="s">
        <v>117</v>
      </c>
      <c r="AH43" s="84">
        <f>ROUND([1]第11表元データ!CI15/1000,0)</f>
        <v>579088</v>
      </c>
      <c r="AI43" s="84">
        <f>ROUND([1]第11表元データ!CJ15/1000,0)</f>
        <v>0</v>
      </c>
      <c r="AJ43" s="84">
        <f>ROUND([1]第11表元データ!CK15/1000,0)</f>
        <v>579088</v>
      </c>
      <c r="AK43" s="84">
        <f>ROUND([1]第11表元データ!CL15/1000,0)</f>
        <v>206534</v>
      </c>
      <c r="AL43" s="84">
        <f>ROUND([1]第11表元データ!CM15/1000,0)</f>
        <v>0</v>
      </c>
      <c r="AM43" s="84">
        <f>ROUND([1]第11表元データ!CN15/1000,0)</f>
        <v>206534</v>
      </c>
      <c r="AN43" s="84">
        <f>ROUND([1]第11表元データ!CO15/1000,0)</f>
        <v>56638</v>
      </c>
      <c r="AO43" s="84">
        <f>ROUND([1]第11表元データ!CP15/1000,0)</f>
        <v>842260</v>
      </c>
      <c r="AP43" s="84">
        <f>ROUND([1]第11表元データ!CQ15/1000,0)</f>
        <v>0</v>
      </c>
      <c r="AQ43" s="84" t="s">
        <v>117</v>
      </c>
      <c r="AR43" s="84" t="s">
        <v>117</v>
      </c>
      <c r="AS43" s="84" t="s">
        <v>117</v>
      </c>
      <c r="AT43" s="72">
        <v>61</v>
      </c>
      <c r="AU43" s="73" t="s">
        <v>149</v>
      </c>
      <c r="AV43" s="70">
        <f>ROUND([1]第11表元データ!CU15/1000,0)</f>
        <v>22570</v>
      </c>
      <c r="AW43" s="70">
        <f>ROUND([1]第11表元データ!CV15/1000,0)</f>
        <v>24621</v>
      </c>
      <c r="AX43" s="70">
        <f>ROUND([1]第11表元データ!CW15/1000,0)</f>
        <v>0</v>
      </c>
      <c r="AY43" s="70">
        <f>ROUND([1]第11表元データ!CX15/1000,0)</f>
        <v>11227</v>
      </c>
      <c r="AZ43" s="70">
        <f>ROUND([1]第11表元データ!CY15/1000,0)</f>
        <v>59070</v>
      </c>
      <c r="BA43" s="70">
        <f>ROUND([1]第11表元データ!CZ15/1000,0)</f>
        <v>8</v>
      </c>
      <c r="BB43" s="70">
        <f>ROUND([1]第11表元データ!DA15/1000,0)</f>
        <v>0</v>
      </c>
      <c r="BC43" s="70">
        <f>ROUND([1]第11表元データ!DB15/1000,0)</f>
        <v>0</v>
      </c>
      <c r="BD43" s="70">
        <f>ROUND([1]第11表元データ!DC15/1000,0)</f>
        <v>0</v>
      </c>
      <c r="BE43" s="70">
        <f>ROUND([1]第11表元データ!DD15/1000,0)</f>
        <v>4034846</v>
      </c>
      <c r="BF43" s="74">
        <v>61</v>
      </c>
    </row>
    <row r="44" spans="1:58" ht="15" customHeight="1">
      <c r="A44" s="72">
        <v>81</v>
      </c>
      <c r="B44" s="73" t="s">
        <v>150</v>
      </c>
      <c r="C44" s="70">
        <f>ROUND([1]第11表元データ!BF16/1000,0)</f>
        <v>42626</v>
      </c>
      <c r="D44" s="70">
        <f>ROUND([1]第11表元データ!BG16/1000,0)</f>
        <v>983839</v>
      </c>
      <c r="E44" s="70">
        <f>ROUND([1]第11表元データ!BH16/1000,0)</f>
        <v>1820</v>
      </c>
      <c r="F44" s="70">
        <f>ROUND([1]第11表元データ!BI16/1000,0)</f>
        <v>985659</v>
      </c>
      <c r="G44" s="70">
        <f>ROUND([1]第11表元データ!BJ16/1000,0)</f>
        <v>163373</v>
      </c>
      <c r="H44" s="70">
        <f>ROUND([1]第11表元データ!BK16/1000,0)</f>
        <v>29</v>
      </c>
      <c r="I44" s="70">
        <f>ROUND([1]第11表元データ!BL16/1000,0)</f>
        <v>0</v>
      </c>
      <c r="J44" s="70">
        <f>ROUND([1]第11表元データ!BM16/1000,0)</f>
        <v>1000</v>
      </c>
      <c r="K44" s="70">
        <f>ROUND([1]第11表元データ!BN16/1000,0)</f>
        <v>660</v>
      </c>
      <c r="L44" s="70">
        <f>ROUND([1]第11表元データ!BO16/1000,0)</f>
        <v>0</v>
      </c>
      <c r="M44" s="70">
        <f>ROUND([1]第11表元データ!BP16/1000,0)</f>
        <v>0</v>
      </c>
      <c r="N44" s="70">
        <f>ROUND([1]第11表元データ!BQ16/1000,0)</f>
        <v>1150721</v>
      </c>
      <c r="O44" s="70">
        <f>ROUND([1]第11表元データ!BR16/1000,0)</f>
        <v>0</v>
      </c>
      <c r="P44" s="70">
        <f>ROUND([1]第11表元データ!BS16/1000,0)</f>
        <v>0</v>
      </c>
      <c r="Q44" s="70">
        <f>ROUND([1]第11表元データ!BT16/1000,0)</f>
        <v>0</v>
      </c>
      <c r="R44" s="70">
        <f>ROUND([1]第11表元データ!BU16/1000,0)</f>
        <v>0</v>
      </c>
      <c r="S44" s="70">
        <f>ROUND([1]第11表元データ!BV16/1000,0)</f>
        <v>0</v>
      </c>
      <c r="T44" s="70">
        <f>ROUND([1]第11表元データ!BW16/1000,0)</f>
        <v>2917</v>
      </c>
      <c r="U44" s="70">
        <f>ROUND([1]第11表元データ!BX16/1000,0)</f>
        <v>1153638</v>
      </c>
      <c r="V44" s="70" t="s">
        <v>117</v>
      </c>
      <c r="W44" s="70" t="s">
        <v>117</v>
      </c>
      <c r="X44" s="70" t="s">
        <v>117</v>
      </c>
      <c r="Y44" s="72">
        <v>81</v>
      </c>
      <c r="Z44" s="73" t="s">
        <v>150</v>
      </c>
      <c r="AA44" s="84" t="s">
        <v>117</v>
      </c>
      <c r="AB44" s="84" t="s">
        <v>117</v>
      </c>
      <c r="AC44" s="84" t="s">
        <v>117</v>
      </c>
      <c r="AD44" s="84" t="s">
        <v>117</v>
      </c>
      <c r="AE44" s="84" t="s">
        <v>117</v>
      </c>
      <c r="AF44" s="84" t="s">
        <v>117</v>
      </c>
      <c r="AG44" s="84" t="s">
        <v>117</v>
      </c>
      <c r="AH44" s="84">
        <f>ROUND([1]第11表元データ!CI16/1000,0)</f>
        <v>191084</v>
      </c>
      <c r="AI44" s="84">
        <f>ROUND([1]第11表元データ!CJ16/1000,0)</f>
        <v>0</v>
      </c>
      <c r="AJ44" s="84">
        <f>ROUND([1]第11表元データ!CK16/1000,0)</f>
        <v>191084</v>
      </c>
      <c r="AK44" s="84">
        <f>ROUND([1]第11表元データ!CL16/1000,0)</f>
        <v>73454</v>
      </c>
      <c r="AL44" s="84">
        <f>ROUND([1]第11表元データ!CM16/1000,0)</f>
        <v>0</v>
      </c>
      <c r="AM44" s="84">
        <f>ROUND([1]第11表元データ!CN16/1000,0)</f>
        <v>73454</v>
      </c>
      <c r="AN44" s="84">
        <f>ROUND([1]第11表元データ!CO16/1000,0)</f>
        <v>21055</v>
      </c>
      <c r="AO44" s="84">
        <f>ROUND([1]第11表元データ!CP16/1000,0)</f>
        <v>285593</v>
      </c>
      <c r="AP44" s="84">
        <f>ROUND([1]第11表元データ!CQ16/1000,0)</f>
        <v>0</v>
      </c>
      <c r="AQ44" s="84" t="s">
        <v>117</v>
      </c>
      <c r="AR44" s="84" t="s">
        <v>117</v>
      </c>
      <c r="AS44" s="84" t="s">
        <v>117</v>
      </c>
      <c r="AT44" s="72">
        <v>81</v>
      </c>
      <c r="AU44" s="73" t="s">
        <v>150</v>
      </c>
      <c r="AV44" s="70">
        <f>ROUND([1]第11表元データ!CU16/1000,0)</f>
        <v>15760</v>
      </c>
      <c r="AW44" s="70">
        <f>ROUND([1]第11表元データ!CV16/1000,0)</f>
        <v>21210</v>
      </c>
      <c r="AX44" s="70">
        <f>ROUND([1]第11表元データ!CW16/1000,0)</f>
        <v>16277</v>
      </c>
      <c r="AY44" s="70">
        <f>ROUND([1]第11表元データ!CX16/1000,0)</f>
        <v>4178</v>
      </c>
      <c r="AZ44" s="70">
        <f>ROUND([1]第11表元データ!CY16/1000,0)</f>
        <v>2684</v>
      </c>
      <c r="BA44" s="70">
        <f>ROUND([1]第11表元データ!CZ16/1000,0)</f>
        <v>3849</v>
      </c>
      <c r="BB44" s="70">
        <f>ROUND([1]第11表元データ!DA16/1000,0)</f>
        <v>0</v>
      </c>
      <c r="BC44" s="70">
        <f>ROUND([1]第11表元データ!DB16/1000,0)</f>
        <v>744</v>
      </c>
      <c r="BD44" s="70">
        <f>ROUND([1]第11表元データ!DC16/1000,0)</f>
        <v>0</v>
      </c>
      <c r="BE44" s="70">
        <f>ROUND([1]第11表元データ!DD16/1000,0)</f>
        <v>1546558</v>
      </c>
      <c r="BF44" s="74">
        <v>81</v>
      </c>
    </row>
    <row r="45" spans="1:58" ht="15" customHeight="1">
      <c r="A45" s="72">
        <v>82</v>
      </c>
      <c r="B45" s="73" t="s">
        <v>151</v>
      </c>
      <c r="C45" s="70">
        <f>ROUND([1]第11表元データ!BF17/1000,0)</f>
        <v>14872</v>
      </c>
      <c r="D45" s="70">
        <f>ROUND([1]第11表元データ!BG17/1000,0)</f>
        <v>395447</v>
      </c>
      <c r="E45" s="70">
        <f>ROUND([1]第11表元データ!BH17/1000,0)</f>
        <v>1238</v>
      </c>
      <c r="F45" s="70">
        <f>ROUND([1]第11表元データ!BI17/1000,0)</f>
        <v>396684</v>
      </c>
      <c r="G45" s="70">
        <f>ROUND([1]第11表元データ!BJ17/1000,0)</f>
        <v>62087</v>
      </c>
      <c r="H45" s="70">
        <f>ROUND([1]第11表元データ!BK17/1000,0)</f>
        <v>73</v>
      </c>
      <c r="I45" s="70">
        <f>ROUND([1]第11表元データ!BL17/1000,0)</f>
        <v>0</v>
      </c>
      <c r="J45" s="70">
        <f>ROUND([1]第11表元データ!BM17/1000,0)</f>
        <v>500</v>
      </c>
      <c r="K45" s="70">
        <f>ROUND([1]第11表元データ!BN17/1000,0)</f>
        <v>300</v>
      </c>
      <c r="L45" s="70">
        <f>ROUND([1]第11表元データ!BO17/1000,0)</f>
        <v>0</v>
      </c>
      <c r="M45" s="70">
        <f>ROUND([1]第11表元データ!BP17/1000,0)</f>
        <v>15</v>
      </c>
      <c r="N45" s="70">
        <f>ROUND([1]第11表元データ!BQ17/1000,0)</f>
        <v>459658</v>
      </c>
      <c r="O45" s="70">
        <f>ROUND([1]第11表元データ!BR17/1000,0)</f>
        <v>0</v>
      </c>
      <c r="P45" s="70">
        <f>ROUND([1]第11表元データ!BS17/1000,0)</f>
        <v>0</v>
      </c>
      <c r="Q45" s="70">
        <f>ROUND([1]第11表元データ!BT17/1000,0)</f>
        <v>0</v>
      </c>
      <c r="R45" s="70">
        <f>ROUND([1]第11表元データ!BU17/1000,0)</f>
        <v>0</v>
      </c>
      <c r="S45" s="70">
        <f>ROUND([1]第11表元データ!BV17/1000,0)</f>
        <v>0</v>
      </c>
      <c r="T45" s="70">
        <f>ROUND([1]第11表元データ!BW17/1000,0)</f>
        <v>1046</v>
      </c>
      <c r="U45" s="70">
        <f>ROUND([1]第11表元データ!BX17/1000,0)</f>
        <v>460704</v>
      </c>
      <c r="V45" s="70" t="s">
        <v>117</v>
      </c>
      <c r="W45" s="70" t="s">
        <v>117</v>
      </c>
      <c r="X45" s="70" t="s">
        <v>117</v>
      </c>
      <c r="Y45" s="72">
        <v>82</v>
      </c>
      <c r="Z45" s="73" t="s">
        <v>151</v>
      </c>
      <c r="AA45" s="84" t="s">
        <v>117</v>
      </c>
      <c r="AB45" s="84" t="s">
        <v>117</v>
      </c>
      <c r="AC45" s="84" t="s">
        <v>117</v>
      </c>
      <c r="AD45" s="84" t="s">
        <v>117</v>
      </c>
      <c r="AE45" s="84" t="s">
        <v>117</v>
      </c>
      <c r="AF45" s="84" t="s">
        <v>117</v>
      </c>
      <c r="AG45" s="84" t="s">
        <v>117</v>
      </c>
      <c r="AH45" s="84">
        <f>ROUND([1]第11表元データ!CI17/1000,0)</f>
        <v>76826</v>
      </c>
      <c r="AI45" s="84">
        <f>ROUND([1]第11表元データ!CJ17/1000,0)</f>
        <v>0</v>
      </c>
      <c r="AJ45" s="84">
        <f>ROUND([1]第11表元データ!CK17/1000,0)</f>
        <v>76826</v>
      </c>
      <c r="AK45" s="84">
        <f>ROUND([1]第11表元データ!CL17/1000,0)</f>
        <v>26717</v>
      </c>
      <c r="AL45" s="84">
        <f>ROUND([1]第11表元データ!CM17/1000,0)</f>
        <v>0</v>
      </c>
      <c r="AM45" s="84">
        <f>ROUND([1]第11表元データ!CN17/1000,0)</f>
        <v>26717</v>
      </c>
      <c r="AN45" s="84">
        <f>ROUND([1]第11表元データ!CO17/1000,0)</f>
        <v>7026</v>
      </c>
      <c r="AO45" s="84">
        <f>ROUND([1]第11表元データ!CP17/1000,0)</f>
        <v>110570</v>
      </c>
      <c r="AP45" s="84">
        <f>ROUND([1]第11表元データ!CQ17/1000,0)</f>
        <v>0</v>
      </c>
      <c r="AQ45" s="84" t="s">
        <v>117</v>
      </c>
      <c r="AR45" s="84" t="s">
        <v>117</v>
      </c>
      <c r="AS45" s="84" t="s">
        <v>117</v>
      </c>
      <c r="AT45" s="72">
        <v>82</v>
      </c>
      <c r="AU45" s="73" t="s">
        <v>151</v>
      </c>
      <c r="AV45" s="70">
        <f>ROUND([1]第11表元データ!CU17/1000,0)</f>
        <v>5930</v>
      </c>
      <c r="AW45" s="70">
        <f>ROUND([1]第11表元データ!CV17/1000,0)</f>
        <v>2323</v>
      </c>
      <c r="AX45" s="70">
        <f>ROUND([1]第11表元データ!CW17/1000,0)</f>
        <v>0</v>
      </c>
      <c r="AY45" s="70">
        <f>ROUND([1]第11表元データ!CX17/1000,0)</f>
        <v>1595</v>
      </c>
      <c r="AZ45" s="70">
        <f>ROUND([1]第11表元データ!CY17/1000,0)</f>
        <v>40000</v>
      </c>
      <c r="BA45" s="70">
        <f>ROUND([1]第11表元データ!CZ17/1000,0)</f>
        <v>719</v>
      </c>
      <c r="BB45" s="70">
        <f>ROUND([1]第11表元データ!DA17/1000,0)</f>
        <v>0</v>
      </c>
      <c r="BC45" s="70">
        <f>ROUND([1]第11表元データ!DB17/1000,0)</f>
        <v>26</v>
      </c>
      <c r="BD45" s="70">
        <f>ROUND([1]第11表元データ!DC17/1000,0)</f>
        <v>0</v>
      </c>
      <c r="BE45" s="70">
        <f>ROUND([1]第11表元データ!DD17/1000,0)</f>
        <v>636739</v>
      </c>
      <c r="BF45" s="74">
        <v>82</v>
      </c>
    </row>
    <row r="46" spans="1:58" ht="15" customHeight="1">
      <c r="A46" s="72">
        <v>83</v>
      </c>
      <c r="B46" s="73" t="s">
        <v>152</v>
      </c>
      <c r="C46" s="70">
        <f>ROUND([1]第11表元データ!BF18/1000,0)</f>
        <v>21387</v>
      </c>
      <c r="D46" s="70">
        <f>ROUND([1]第11表元データ!BG18/1000,0)</f>
        <v>457158</v>
      </c>
      <c r="E46" s="70">
        <f>ROUND([1]第11表元データ!BH18/1000,0)</f>
        <v>508</v>
      </c>
      <c r="F46" s="70">
        <f>ROUND([1]第11表元データ!BI18/1000,0)</f>
        <v>457666</v>
      </c>
      <c r="G46" s="70">
        <f>ROUND([1]第11表元データ!BJ18/1000,0)</f>
        <v>79836</v>
      </c>
      <c r="H46" s="70">
        <f>ROUND([1]第11表元データ!BK18/1000,0)</f>
        <v>22</v>
      </c>
      <c r="I46" s="70">
        <f>ROUND([1]第11表元データ!BL18/1000,0)</f>
        <v>0</v>
      </c>
      <c r="J46" s="70">
        <f>ROUND([1]第11表元データ!BM18/1000,0)</f>
        <v>500</v>
      </c>
      <c r="K46" s="70">
        <f>ROUND([1]第11表元データ!BN18/1000,0)</f>
        <v>510</v>
      </c>
      <c r="L46" s="70">
        <f>ROUND([1]第11表元データ!BO18/1000,0)</f>
        <v>0</v>
      </c>
      <c r="M46" s="70">
        <f>ROUND([1]第11表元データ!BP18/1000,0)</f>
        <v>0</v>
      </c>
      <c r="N46" s="70">
        <f>ROUND([1]第11表元データ!BQ18/1000,0)</f>
        <v>538533</v>
      </c>
      <c r="O46" s="70">
        <f>ROUND([1]第11表元データ!BR18/1000,0)</f>
        <v>0</v>
      </c>
      <c r="P46" s="70">
        <f>ROUND([1]第11表元データ!BS18/1000,0)</f>
        <v>0</v>
      </c>
      <c r="Q46" s="70">
        <f>ROUND([1]第11表元データ!BT18/1000,0)</f>
        <v>0</v>
      </c>
      <c r="R46" s="70">
        <f>ROUND([1]第11表元データ!BU18/1000,0)</f>
        <v>0</v>
      </c>
      <c r="S46" s="70">
        <f>ROUND([1]第11表元データ!BV18/1000,0)</f>
        <v>0</v>
      </c>
      <c r="T46" s="70">
        <f>ROUND([1]第11表元データ!BW18/1000,0)</f>
        <v>1054</v>
      </c>
      <c r="U46" s="70">
        <f>ROUND([1]第11表元データ!BX18/1000,0)</f>
        <v>539587</v>
      </c>
      <c r="V46" s="70" t="s">
        <v>117</v>
      </c>
      <c r="W46" s="70" t="s">
        <v>117</v>
      </c>
      <c r="X46" s="70" t="s">
        <v>117</v>
      </c>
      <c r="Y46" s="72">
        <v>83</v>
      </c>
      <c r="Z46" s="73" t="s">
        <v>152</v>
      </c>
      <c r="AA46" s="84" t="s">
        <v>117</v>
      </c>
      <c r="AB46" s="84" t="s">
        <v>117</v>
      </c>
      <c r="AC46" s="84" t="s">
        <v>117</v>
      </c>
      <c r="AD46" s="84" t="s">
        <v>117</v>
      </c>
      <c r="AE46" s="84" t="s">
        <v>117</v>
      </c>
      <c r="AF46" s="84" t="s">
        <v>117</v>
      </c>
      <c r="AG46" s="84" t="s">
        <v>117</v>
      </c>
      <c r="AH46" s="84">
        <f>ROUND([1]第11表元データ!CI18/1000,0)</f>
        <v>72783</v>
      </c>
      <c r="AI46" s="84">
        <f>ROUND([1]第11表元データ!CJ18/1000,0)</f>
        <v>0</v>
      </c>
      <c r="AJ46" s="84">
        <f>ROUND([1]第11表元データ!CK18/1000,0)</f>
        <v>72783</v>
      </c>
      <c r="AK46" s="84">
        <f>ROUND([1]第11表元データ!CL18/1000,0)</f>
        <v>24638</v>
      </c>
      <c r="AL46" s="84">
        <f>ROUND([1]第11表元データ!CM18/1000,0)</f>
        <v>0</v>
      </c>
      <c r="AM46" s="84">
        <f>ROUND([1]第11表元データ!CN18/1000,0)</f>
        <v>24638</v>
      </c>
      <c r="AN46" s="84">
        <f>ROUND([1]第11表元データ!CO18/1000,0)</f>
        <v>5577</v>
      </c>
      <c r="AO46" s="84">
        <f>ROUND([1]第11表元データ!CP18/1000,0)</f>
        <v>102998</v>
      </c>
      <c r="AP46" s="84">
        <f>ROUND([1]第11表元データ!CQ18/1000,0)</f>
        <v>0</v>
      </c>
      <c r="AQ46" s="84" t="s">
        <v>117</v>
      </c>
      <c r="AR46" s="84" t="s">
        <v>117</v>
      </c>
      <c r="AS46" s="84" t="s">
        <v>117</v>
      </c>
      <c r="AT46" s="72">
        <v>83</v>
      </c>
      <c r="AU46" s="73" t="s">
        <v>152</v>
      </c>
      <c r="AV46" s="70">
        <f>ROUND([1]第11表元データ!CU18/1000,0)</f>
        <v>2724</v>
      </c>
      <c r="AW46" s="70">
        <f>ROUND([1]第11表元データ!CV18/1000,0)</f>
        <v>1020</v>
      </c>
      <c r="AX46" s="70">
        <f>ROUND([1]第11表元データ!CW18/1000,0)</f>
        <v>0</v>
      </c>
      <c r="AY46" s="70">
        <f>ROUND([1]第11表元データ!CX18/1000,0)</f>
        <v>2681</v>
      </c>
      <c r="AZ46" s="70">
        <f>ROUND([1]第11表元データ!CY18/1000,0)</f>
        <v>13817</v>
      </c>
      <c r="BA46" s="70">
        <f>ROUND([1]第11表元データ!CZ18/1000,0)</f>
        <v>2478</v>
      </c>
      <c r="BB46" s="70">
        <f>ROUND([1]第11表元データ!DA18/1000,0)</f>
        <v>0</v>
      </c>
      <c r="BC46" s="70">
        <f>ROUND([1]第11表元データ!DB18/1000,0)</f>
        <v>1842</v>
      </c>
      <c r="BD46" s="70">
        <f>ROUND([1]第11表元データ!DC18/1000,0)</f>
        <v>0</v>
      </c>
      <c r="BE46" s="70">
        <f>ROUND([1]第11表元データ!DD18/1000,0)</f>
        <v>688535</v>
      </c>
      <c r="BF46" s="74">
        <v>83</v>
      </c>
    </row>
    <row r="47" spans="1:58" ht="15" customHeight="1">
      <c r="A47" s="72">
        <v>84</v>
      </c>
      <c r="B47" s="73" t="s">
        <v>153</v>
      </c>
      <c r="C47" s="70">
        <f>ROUND([1]第11表元データ!BF19/1000,0)</f>
        <v>57927</v>
      </c>
      <c r="D47" s="70">
        <f>ROUND([1]第11表元データ!BG19/1000,0)</f>
        <v>764327</v>
      </c>
      <c r="E47" s="70">
        <f>ROUND([1]第11表元データ!BH19/1000,0)</f>
        <v>1398</v>
      </c>
      <c r="F47" s="70">
        <f>ROUND([1]第11表元データ!BI19/1000,0)</f>
        <v>765725</v>
      </c>
      <c r="G47" s="70">
        <f>ROUND([1]第11表元データ!BJ19/1000,0)</f>
        <v>115604</v>
      </c>
      <c r="H47" s="70">
        <f>ROUND([1]第11表元データ!BK19/1000,0)</f>
        <v>121</v>
      </c>
      <c r="I47" s="70">
        <f>ROUND([1]第11表元データ!BL19/1000,0)</f>
        <v>0</v>
      </c>
      <c r="J47" s="70">
        <f>ROUND([1]第11表元データ!BM19/1000,0)</f>
        <v>2420</v>
      </c>
      <c r="K47" s="70">
        <f>ROUND([1]第11表元データ!BN19/1000,0)</f>
        <v>510</v>
      </c>
      <c r="L47" s="70">
        <f>ROUND([1]第11表元データ!BO19/1000,0)</f>
        <v>0</v>
      </c>
      <c r="M47" s="70">
        <f>ROUND([1]第11表元データ!BP19/1000,0)</f>
        <v>13</v>
      </c>
      <c r="N47" s="70">
        <f>ROUND([1]第11表元データ!BQ19/1000,0)</f>
        <v>884394</v>
      </c>
      <c r="O47" s="70">
        <f>ROUND([1]第11表元データ!BR19/1000,0)</f>
        <v>0</v>
      </c>
      <c r="P47" s="70">
        <f>ROUND([1]第11表元データ!BS19/1000,0)</f>
        <v>0</v>
      </c>
      <c r="Q47" s="70">
        <f>ROUND([1]第11表元データ!BT19/1000,0)</f>
        <v>0</v>
      </c>
      <c r="R47" s="70">
        <f>ROUND([1]第11表元データ!BU19/1000,0)</f>
        <v>0</v>
      </c>
      <c r="S47" s="70">
        <f>ROUND([1]第11表元データ!BV19/1000,0)</f>
        <v>0</v>
      </c>
      <c r="T47" s="70">
        <f>ROUND([1]第11表元データ!BW19/1000,0)</f>
        <v>2421</v>
      </c>
      <c r="U47" s="70">
        <f>ROUND([1]第11表元データ!BX19/1000,0)</f>
        <v>886814</v>
      </c>
      <c r="V47" s="70" t="s">
        <v>117</v>
      </c>
      <c r="W47" s="70" t="s">
        <v>117</v>
      </c>
      <c r="X47" s="70" t="s">
        <v>117</v>
      </c>
      <c r="Y47" s="72">
        <v>84</v>
      </c>
      <c r="Z47" s="73" t="s">
        <v>153</v>
      </c>
      <c r="AA47" s="84" t="s">
        <v>117</v>
      </c>
      <c r="AB47" s="84" t="s">
        <v>117</v>
      </c>
      <c r="AC47" s="84" t="s">
        <v>117</v>
      </c>
      <c r="AD47" s="84" t="s">
        <v>117</v>
      </c>
      <c r="AE47" s="84" t="s">
        <v>117</v>
      </c>
      <c r="AF47" s="84" t="s">
        <v>117</v>
      </c>
      <c r="AG47" s="84" t="s">
        <v>117</v>
      </c>
      <c r="AH47" s="84">
        <f>ROUND([1]第11表元データ!CI19/1000,0)</f>
        <v>173861</v>
      </c>
      <c r="AI47" s="84">
        <f>ROUND([1]第11表元データ!CJ19/1000,0)</f>
        <v>0</v>
      </c>
      <c r="AJ47" s="84">
        <f>ROUND([1]第11表元データ!CK19/1000,0)</f>
        <v>173861</v>
      </c>
      <c r="AK47" s="84">
        <f>ROUND([1]第11表元データ!CL19/1000,0)</f>
        <v>68500</v>
      </c>
      <c r="AL47" s="84">
        <f>ROUND([1]第11表元データ!CM19/1000,0)</f>
        <v>0</v>
      </c>
      <c r="AM47" s="84">
        <f>ROUND([1]第11表元データ!CN19/1000,0)</f>
        <v>68500</v>
      </c>
      <c r="AN47" s="84">
        <f>ROUND([1]第11表元データ!CO19/1000,0)</f>
        <v>17922</v>
      </c>
      <c r="AO47" s="84">
        <f>ROUND([1]第11表元データ!CP19/1000,0)</f>
        <v>260283</v>
      </c>
      <c r="AP47" s="84">
        <f>ROUND([1]第11表元データ!CQ19/1000,0)</f>
        <v>0</v>
      </c>
      <c r="AQ47" s="84" t="s">
        <v>117</v>
      </c>
      <c r="AR47" s="84" t="s">
        <v>117</v>
      </c>
      <c r="AS47" s="84" t="s">
        <v>117</v>
      </c>
      <c r="AT47" s="72">
        <v>84</v>
      </c>
      <c r="AU47" s="73" t="s">
        <v>153</v>
      </c>
      <c r="AV47" s="70">
        <f>ROUND([1]第11表元データ!CU19/1000,0)</f>
        <v>10307</v>
      </c>
      <c r="AW47" s="70">
        <f>ROUND([1]第11表元データ!CV19/1000,0)</f>
        <v>364</v>
      </c>
      <c r="AX47" s="70">
        <f>ROUND([1]第11表元データ!CW19/1000,0)</f>
        <v>0</v>
      </c>
      <c r="AY47" s="70">
        <f>ROUND([1]第11表元データ!CX19/1000,0)</f>
        <v>7407</v>
      </c>
      <c r="AZ47" s="70">
        <f>ROUND([1]第11表元データ!CY19/1000,0)</f>
        <v>4259</v>
      </c>
      <c r="BA47" s="70">
        <f>ROUND([1]第11表元データ!CZ19/1000,0)</f>
        <v>11736</v>
      </c>
      <c r="BB47" s="70">
        <f>ROUND([1]第11表元データ!DA19/1000,0)</f>
        <v>0</v>
      </c>
      <c r="BC47" s="70">
        <f>ROUND([1]第11表元データ!DB19/1000,0)</f>
        <v>864</v>
      </c>
      <c r="BD47" s="70">
        <f>ROUND([1]第11表元データ!DC19/1000,0)</f>
        <v>0</v>
      </c>
      <c r="BE47" s="70">
        <f>ROUND([1]第11表元データ!DD19/1000,0)</f>
        <v>1239962</v>
      </c>
      <c r="BF47" s="74">
        <v>84</v>
      </c>
    </row>
    <row r="48" spans="1:58" ht="15" customHeight="1">
      <c r="A48" s="72">
        <v>85</v>
      </c>
      <c r="B48" s="73" t="s">
        <v>154</v>
      </c>
      <c r="C48" s="70">
        <f>ROUND([1]第11表元データ!BF20/1000,0)</f>
        <v>26777</v>
      </c>
      <c r="D48" s="70">
        <f>ROUND([1]第11表元データ!BG20/1000,0)</f>
        <v>498374</v>
      </c>
      <c r="E48" s="70">
        <f>ROUND([1]第11表元データ!BH20/1000,0)</f>
        <v>1236</v>
      </c>
      <c r="F48" s="70">
        <f>ROUND([1]第11表元データ!BI20/1000,0)</f>
        <v>499610</v>
      </c>
      <c r="G48" s="70">
        <f>ROUND([1]第11表元データ!BJ20/1000,0)</f>
        <v>87348</v>
      </c>
      <c r="H48" s="70">
        <f>ROUND([1]第11表元データ!BK20/1000,0)</f>
        <v>5</v>
      </c>
      <c r="I48" s="70">
        <f>ROUND([1]第11表元データ!BL20/1000,0)</f>
        <v>0</v>
      </c>
      <c r="J48" s="70">
        <f>ROUND([1]第11表元データ!BM20/1000,0)</f>
        <v>0</v>
      </c>
      <c r="K48" s="70">
        <f>ROUND([1]第11表元データ!BN20/1000,0)</f>
        <v>450</v>
      </c>
      <c r="L48" s="70">
        <f>ROUND([1]第11表元データ!BO20/1000,0)</f>
        <v>0</v>
      </c>
      <c r="M48" s="70">
        <f>ROUND([1]第11表元データ!BP20/1000,0)</f>
        <v>0</v>
      </c>
      <c r="N48" s="70">
        <f>ROUND([1]第11表元データ!BQ20/1000,0)</f>
        <v>587413</v>
      </c>
      <c r="O48" s="70">
        <f>ROUND([1]第11表元データ!BR20/1000,0)</f>
        <v>0</v>
      </c>
      <c r="P48" s="70">
        <f>ROUND([1]第11表元データ!BS20/1000,0)</f>
        <v>0</v>
      </c>
      <c r="Q48" s="70">
        <f>ROUND([1]第11表元データ!BT20/1000,0)</f>
        <v>0</v>
      </c>
      <c r="R48" s="70">
        <f>ROUND([1]第11表元データ!BU20/1000,0)</f>
        <v>0</v>
      </c>
      <c r="S48" s="70">
        <f>ROUND([1]第11表元データ!BV20/1000,0)</f>
        <v>0</v>
      </c>
      <c r="T48" s="70">
        <f>ROUND([1]第11表元データ!BW20/1000,0)</f>
        <v>1537</v>
      </c>
      <c r="U48" s="70">
        <f>ROUND([1]第11表元データ!BX20/1000,0)</f>
        <v>588950</v>
      </c>
      <c r="V48" s="70" t="s">
        <v>117</v>
      </c>
      <c r="W48" s="70" t="s">
        <v>117</v>
      </c>
      <c r="X48" s="70" t="s">
        <v>117</v>
      </c>
      <c r="Y48" s="72">
        <v>85</v>
      </c>
      <c r="Z48" s="73" t="s">
        <v>154</v>
      </c>
      <c r="AA48" s="84" t="s">
        <v>117</v>
      </c>
      <c r="AB48" s="84" t="s">
        <v>117</v>
      </c>
      <c r="AC48" s="84" t="s">
        <v>117</v>
      </c>
      <c r="AD48" s="84" t="s">
        <v>117</v>
      </c>
      <c r="AE48" s="84" t="s">
        <v>117</v>
      </c>
      <c r="AF48" s="84" t="s">
        <v>117</v>
      </c>
      <c r="AG48" s="84" t="s">
        <v>117</v>
      </c>
      <c r="AH48" s="84">
        <f>ROUND([1]第11表元データ!CI20/1000,0)</f>
        <v>92955</v>
      </c>
      <c r="AI48" s="84">
        <f>ROUND([1]第11表元データ!CJ20/1000,0)</f>
        <v>0</v>
      </c>
      <c r="AJ48" s="84">
        <f>ROUND([1]第11表元データ!CK20/1000,0)</f>
        <v>92955</v>
      </c>
      <c r="AK48" s="84">
        <f>ROUND([1]第11表元データ!CL20/1000,0)</f>
        <v>34300</v>
      </c>
      <c r="AL48" s="84">
        <f>ROUND([1]第11表元データ!CM20/1000,0)</f>
        <v>0</v>
      </c>
      <c r="AM48" s="84">
        <f>ROUND([1]第11表元データ!CN20/1000,0)</f>
        <v>34300</v>
      </c>
      <c r="AN48" s="84">
        <f>ROUND([1]第11表元データ!CO20/1000,0)</f>
        <v>9268</v>
      </c>
      <c r="AO48" s="84">
        <f>ROUND([1]第11表元データ!CP20/1000,0)</f>
        <v>136523</v>
      </c>
      <c r="AP48" s="84">
        <f>ROUND([1]第11表元データ!CQ20/1000,0)</f>
        <v>0</v>
      </c>
      <c r="AQ48" s="84" t="s">
        <v>117</v>
      </c>
      <c r="AR48" s="84" t="s">
        <v>117</v>
      </c>
      <c r="AS48" s="84" t="s">
        <v>117</v>
      </c>
      <c r="AT48" s="72">
        <v>85</v>
      </c>
      <c r="AU48" s="73" t="s">
        <v>154</v>
      </c>
      <c r="AV48" s="70">
        <f>ROUND([1]第11表元データ!CU20/1000,0)</f>
        <v>6592</v>
      </c>
      <c r="AW48" s="70">
        <f>ROUND([1]第11表元データ!CV20/1000,0)</f>
        <v>3444</v>
      </c>
      <c r="AX48" s="70">
        <f>ROUND([1]第11表元データ!CW20/1000,0)</f>
        <v>0</v>
      </c>
      <c r="AY48" s="70">
        <f>ROUND([1]第11表元データ!CX20/1000,0)</f>
        <v>1333</v>
      </c>
      <c r="AZ48" s="70">
        <f>ROUND([1]第11表元データ!CY20/1000,0)</f>
        <v>0</v>
      </c>
      <c r="BA48" s="70">
        <f>ROUND([1]第11表元データ!CZ20/1000,0)</f>
        <v>10001</v>
      </c>
      <c r="BB48" s="70">
        <f>ROUND([1]第11表元データ!DA20/1000,0)</f>
        <v>0</v>
      </c>
      <c r="BC48" s="70">
        <f>ROUND([1]第11表元データ!DB20/1000,0)</f>
        <v>775</v>
      </c>
      <c r="BD48" s="70">
        <f>ROUND([1]第11表元データ!DC20/1000,0)</f>
        <v>0</v>
      </c>
      <c r="BE48" s="70">
        <f>ROUND([1]第11表元データ!DD20/1000,0)</f>
        <v>774396</v>
      </c>
      <c r="BF48" s="74">
        <v>85</v>
      </c>
    </row>
    <row r="49" spans="1:58" ht="15" customHeight="1">
      <c r="A49" s="72">
        <v>86</v>
      </c>
      <c r="B49" s="73" t="s">
        <v>155</v>
      </c>
      <c r="C49" s="70">
        <f>ROUND([1]第11表元データ!BF21/1000,0)</f>
        <v>39663</v>
      </c>
      <c r="D49" s="70">
        <f>ROUND([1]第11表元データ!BG21/1000,0)</f>
        <v>1114536</v>
      </c>
      <c r="E49" s="70">
        <f>ROUND([1]第11表元データ!BH21/1000,0)</f>
        <v>2255</v>
      </c>
      <c r="F49" s="70">
        <f>ROUND([1]第11表元データ!BI21/1000,0)</f>
        <v>1116790</v>
      </c>
      <c r="G49" s="70">
        <f>ROUND([1]第11表元データ!BJ21/1000,0)</f>
        <v>199316</v>
      </c>
      <c r="H49" s="70">
        <f>ROUND([1]第11表元データ!BK21/1000,0)</f>
        <v>54</v>
      </c>
      <c r="I49" s="70">
        <f>ROUND([1]第11表元データ!BL21/1000,0)</f>
        <v>0</v>
      </c>
      <c r="J49" s="70">
        <f>ROUND([1]第11表元データ!BM21/1000,0)</f>
        <v>1500</v>
      </c>
      <c r="K49" s="70">
        <f>ROUND([1]第11表元データ!BN21/1000,0)</f>
        <v>780</v>
      </c>
      <c r="L49" s="70">
        <f>ROUND([1]第11表元データ!BO21/1000,0)</f>
        <v>0</v>
      </c>
      <c r="M49" s="70">
        <f>ROUND([1]第11表元データ!BP21/1000,0)</f>
        <v>0</v>
      </c>
      <c r="N49" s="70">
        <f>ROUND([1]第11表元データ!BQ21/1000,0)</f>
        <v>1318440</v>
      </c>
      <c r="O49" s="70">
        <f>ROUND([1]第11表元データ!BR21/1000,0)</f>
        <v>0</v>
      </c>
      <c r="P49" s="70">
        <f>ROUND([1]第11表元データ!BS21/1000,0)</f>
        <v>0</v>
      </c>
      <c r="Q49" s="70">
        <f>ROUND([1]第11表元データ!BT21/1000,0)</f>
        <v>0</v>
      </c>
      <c r="R49" s="70">
        <f>ROUND([1]第11表元データ!BU21/1000,0)</f>
        <v>0</v>
      </c>
      <c r="S49" s="70">
        <f>ROUND([1]第11表元データ!BV21/1000,0)</f>
        <v>0</v>
      </c>
      <c r="T49" s="70">
        <f>ROUND([1]第11表元データ!BW21/1000,0)</f>
        <v>2798</v>
      </c>
      <c r="U49" s="70">
        <f>ROUND([1]第11表元データ!BX21/1000,0)</f>
        <v>1321238</v>
      </c>
      <c r="V49" s="70" t="s">
        <v>117</v>
      </c>
      <c r="W49" s="70" t="s">
        <v>117</v>
      </c>
      <c r="X49" s="70" t="s">
        <v>117</v>
      </c>
      <c r="Y49" s="72">
        <v>86</v>
      </c>
      <c r="Z49" s="73" t="s">
        <v>155</v>
      </c>
      <c r="AA49" s="84" t="s">
        <v>117</v>
      </c>
      <c r="AB49" s="84" t="s">
        <v>117</v>
      </c>
      <c r="AC49" s="84" t="s">
        <v>117</v>
      </c>
      <c r="AD49" s="84" t="s">
        <v>117</v>
      </c>
      <c r="AE49" s="84" t="s">
        <v>117</v>
      </c>
      <c r="AF49" s="84" t="s">
        <v>117</v>
      </c>
      <c r="AG49" s="84" t="s">
        <v>117</v>
      </c>
      <c r="AH49" s="84">
        <f>ROUND([1]第11表元データ!CI21/1000,0)</f>
        <v>258782</v>
      </c>
      <c r="AI49" s="84">
        <f>ROUND([1]第11表元データ!CJ21/1000,0)</f>
        <v>0</v>
      </c>
      <c r="AJ49" s="84">
        <f>ROUND([1]第11表元データ!CK21/1000,0)</f>
        <v>258782</v>
      </c>
      <c r="AK49" s="84">
        <f>ROUND([1]第11表元データ!CL21/1000,0)</f>
        <v>101729</v>
      </c>
      <c r="AL49" s="84">
        <f>ROUND([1]第11表元データ!CM21/1000,0)</f>
        <v>0</v>
      </c>
      <c r="AM49" s="84">
        <f>ROUND([1]第11表元データ!CN21/1000,0)</f>
        <v>101729</v>
      </c>
      <c r="AN49" s="84">
        <f>ROUND([1]第11表元データ!CO21/1000,0)</f>
        <v>27400</v>
      </c>
      <c r="AO49" s="84">
        <f>ROUND([1]第11表元データ!CP21/1000,0)</f>
        <v>387911</v>
      </c>
      <c r="AP49" s="84">
        <f>ROUND([1]第11表元データ!CQ21/1000,0)</f>
        <v>0</v>
      </c>
      <c r="AQ49" s="84" t="s">
        <v>117</v>
      </c>
      <c r="AR49" s="84" t="s">
        <v>117</v>
      </c>
      <c r="AS49" s="84" t="s">
        <v>117</v>
      </c>
      <c r="AT49" s="72">
        <v>86</v>
      </c>
      <c r="AU49" s="73" t="s">
        <v>155</v>
      </c>
      <c r="AV49" s="70">
        <f>ROUND([1]第11表元データ!CU21/1000,0)</f>
        <v>14133</v>
      </c>
      <c r="AW49" s="70">
        <f>ROUND([1]第11表元データ!CV21/1000,0)</f>
        <v>1467</v>
      </c>
      <c r="AX49" s="70">
        <f>ROUND([1]第11表元データ!CW21/1000,0)</f>
        <v>0</v>
      </c>
      <c r="AY49" s="70">
        <f>ROUND([1]第11表元データ!CX21/1000,0)</f>
        <v>659</v>
      </c>
      <c r="AZ49" s="70">
        <f>ROUND([1]第11表元データ!CY21/1000,0)</f>
        <v>53804</v>
      </c>
      <c r="BA49" s="70">
        <f>ROUND([1]第11表元データ!CZ21/1000,0)</f>
        <v>10</v>
      </c>
      <c r="BB49" s="70">
        <f>ROUND([1]第11表元データ!DA21/1000,0)</f>
        <v>0</v>
      </c>
      <c r="BC49" s="70">
        <f>ROUND([1]第11表元データ!DB21/1000,0)</f>
        <v>2881</v>
      </c>
      <c r="BD49" s="70">
        <f>ROUND([1]第11表元データ!DC21/1000,0)</f>
        <v>0</v>
      </c>
      <c r="BE49" s="70">
        <f>ROUND([1]第11表元データ!DD21/1000,0)</f>
        <v>1821767</v>
      </c>
      <c r="BF49" s="74">
        <v>86</v>
      </c>
    </row>
    <row r="50" spans="1:58" ht="15" customHeight="1" thickBot="1">
      <c r="A50" s="72"/>
      <c r="B50" s="7"/>
      <c r="C50" s="70"/>
      <c r="D50" s="70"/>
      <c r="E50" s="70"/>
      <c r="F50" s="70"/>
      <c r="G50" s="70"/>
      <c r="H50" s="70"/>
      <c r="I50" s="70"/>
      <c r="J50" s="70"/>
      <c r="K50" s="70"/>
      <c r="L50" s="70"/>
      <c r="M50" s="70"/>
      <c r="N50" s="70"/>
      <c r="O50" s="70"/>
      <c r="P50" s="70"/>
      <c r="Q50" s="70"/>
      <c r="R50" s="70"/>
      <c r="S50" s="70"/>
      <c r="T50" s="70"/>
      <c r="U50" s="70"/>
      <c r="V50" s="70"/>
      <c r="W50" s="70"/>
      <c r="X50" s="70"/>
      <c r="Y50" s="72"/>
      <c r="Z50" s="7"/>
      <c r="AA50" s="84"/>
      <c r="AB50" s="84"/>
      <c r="AC50" s="84"/>
      <c r="AD50" s="84"/>
      <c r="AE50" s="84"/>
      <c r="AF50" s="84"/>
      <c r="AG50" s="84"/>
      <c r="AH50" s="84"/>
      <c r="AI50" s="84"/>
      <c r="AJ50" s="84"/>
      <c r="AK50" s="84"/>
      <c r="AL50" s="84"/>
      <c r="AM50" s="84"/>
      <c r="AN50" s="84"/>
      <c r="AO50" s="84"/>
      <c r="AP50" s="84"/>
      <c r="AQ50" s="84"/>
      <c r="AR50" s="84"/>
      <c r="AS50" s="84"/>
      <c r="AT50" s="72"/>
      <c r="AU50" s="7"/>
      <c r="AV50" s="70"/>
      <c r="AW50" s="70"/>
      <c r="AX50" s="70"/>
      <c r="AY50" s="70"/>
      <c r="AZ50" s="70"/>
      <c r="BA50" s="70"/>
      <c r="BB50" s="70"/>
      <c r="BC50" s="70"/>
      <c r="BD50" s="70"/>
      <c r="BE50" s="70"/>
      <c r="BF50" s="75"/>
    </row>
    <row r="51" spans="1:58" ht="15" customHeight="1" thickBot="1">
      <c r="A51" s="65">
        <v>999</v>
      </c>
      <c r="B51" s="29" t="s">
        <v>156</v>
      </c>
      <c r="C51" s="66">
        <f>ROUND([1]第11表元データ!BF23/1000,0)</f>
        <v>1499350</v>
      </c>
      <c r="D51" s="66">
        <f>ROUND([1]第11表元データ!BG23/1000,0)</f>
        <v>44127002</v>
      </c>
      <c r="E51" s="66">
        <f>ROUND([1]第11表元データ!BH23/1000,0)</f>
        <v>131513</v>
      </c>
      <c r="F51" s="66">
        <f>ROUND([1]第11表元データ!BI23/1000,0)</f>
        <v>44258515</v>
      </c>
      <c r="G51" s="66">
        <f>ROUND([1]第11表元データ!BJ23/1000,0)</f>
        <v>7156099</v>
      </c>
      <c r="H51" s="66">
        <f>ROUND([1]第11表元データ!BK23/1000,0)</f>
        <v>6888</v>
      </c>
      <c r="I51" s="66">
        <f>ROUND([1]第11表元データ!BL23/1000,0)</f>
        <v>310</v>
      </c>
      <c r="J51" s="66">
        <f>ROUND([1]第11表元データ!BM23/1000,0)</f>
        <v>93313</v>
      </c>
      <c r="K51" s="66">
        <f>ROUND([1]第11表元データ!BN23/1000,0)</f>
        <v>30390</v>
      </c>
      <c r="L51" s="66">
        <f>ROUND([1]第11表元データ!BO23/1000,0)</f>
        <v>0</v>
      </c>
      <c r="M51" s="66">
        <f>ROUND([1]第11表元データ!BP23/1000,0)</f>
        <v>207</v>
      </c>
      <c r="N51" s="66">
        <f>ROUND([1]第11表元データ!BQ23/1000,0)</f>
        <v>51545722</v>
      </c>
      <c r="O51" s="66">
        <f>ROUND([1]第11表元データ!BR23/1000,0)</f>
        <v>42</v>
      </c>
      <c r="P51" s="66">
        <f>ROUND([1]第11表元データ!BS23/1000,0)</f>
        <v>0</v>
      </c>
      <c r="Q51" s="66">
        <f>ROUND([1]第11表元データ!BT23/1000,0)</f>
        <v>0</v>
      </c>
      <c r="R51" s="66">
        <f>ROUND([1]第11表元データ!BU23/1000,0)</f>
        <v>0</v>
      </c>
      <c r="S51" s="66">
        <f>ROUND([1]第11表元データ!BV23/1000,0)</f>
        <v>42</v>
      </c>
      <c r="T51" s="66">
        <f>ROUND([1]第11表元データ!BW23/1000,0)</f>
        <v>148163</v>
      </c>
      <c r="U51" s="66">
        <f>ROUND([1]第11表元データ!BX23/1000,0)</f>
        <v>51693926</v>
      </c>
      <c r="V51" s="66" t="s">
        <v>117</v>
      </c>
      <c r="W51" s="66" t="s">
        <v>117</v>
      </c>
      <c r="X51" s="66" t="s">
        <v>117</v>
      </c>
      <c r="Y51" s="65">
        <v>999</v>
      </c>
      <c r="Z51" s="29" t="s">
        <v>156</v>
      </c>
      <c r="AA51" s="83" t="s">
        <v>117</v>
      </c>
      <c r="AB51" s="83" t="s">
        <v>117</v>
      </c>
      <c r="AC51" s="83" t="s">
        <v>117</v>
      </c>
      <c r="AD51" s="83" t="s">
        <v>117</v>
      </c>
      <c r="AE51" s="83" t="s">
        <v>117</v>
      </c>
      <c r="AF51" s="83" t="s">
        <v>117</v>
      </c>
      <c r="AG51" s="83" t="s">
        <v>117</v>
      </c>
      <c r="AH51" s="83">
        <f>ROUND([1]第11表元データ!CI23/1000,0)</f>
        <v>10462403</v>
      </c>
      <c r="AI51" s="83">
        <f>ROUND([1]第11表元データ!CJ23/1000,0)</f>
        <v>352</v>
      </c>
      <c r="AJ51" s="83">
        <f>ROUND([1]第11表元データ!CK23/1000,0)</f>
        <v>10462755</v>
      </c>
      <c r="AK51" s="83">
        <f>ROUND([1]第11表元データ!CL23/1000,0)</f>
        <v>3797096</v>
      </c>
      <c r="AL51" s="83">
        <f>ROUND([1]第11表元データ!CM23/1000,0)</f>
        <v>89</v>
      </c>
      <c r="AM51" s="83">
        <f>ROUND([1]第11表元データ!CN23/1000,0)</f>
        <v>3797185</v>
      </c>
      <c r="AN51" s="83">
        <f>ROUND([1]第11表元データ!CO23/1000,0)</f>
        <v>1114110</v>
      </c>
      <c r="AO51" s="83">
        <f>ROUND([1]第11表元データ!CP23/1000,0)</f>
        <v>15374050</v>
      </c>
      <c r="AP51" s="83">
        <f>ROUND([1]第11表元データ!CQ23/1000,0)</f>
        <v>0</v>
      </c>
      <c r="AQ51" s="83" t="s">
        <v>117</v>
      </c>
      <c r="AR51" s="83" t="s">
        <v>117</v>
      </c>
      <c r="AS51" s="83" t="s">
        <v>117</v>
      </c>
      <c r="AT51" s="65">
        <v>999</v>
      </c>
      <c r="AU51" s="29" t="s">
        <v>156</v>
      </c>
      <c r="AV51" s="66">
        <f>ROUND([1]第11表元データ!CU23/1000,0)</f>
        <v>539908</v>
      </c>
      <c r="AW51" s="66">
        <f>ROUND([1]第11表元データ!CV23/1000,0)</f>
        <v>283512</v>
      </c>
      <c r="AX51" s="66">
        <f>ROUND([1]第11表元データ!CW23/1000,0)</f>
        <v>16277</v>
      </c>
      <c r="AY51" s="66">
        <f>ROUND([1]第11表元データ!CX23/1000,0)</f>
        <v>191329</v>
      </c>
      <c r="AZ51" s="66">
        <f>ROUND([1]第11表元データ!CY23/1000,0)</f>
        <v>316007</v>
      </c>
      <c r="BA51" s="66">
        <f>ROUND([1]第11表元データ!CZ23/1000,0)</f>
        <v>260737</v>
      </c>
      <c r="BB51" s="66">
        <f>ROUND([1]第11表元データ!DA23/1000,0)</f>
        <v>14</v>
      </c>
      <c r="BC51" s="66">
        <f>ROUND([1]第11表元データ!DB23/1000,0)</f>
        <v>65698</v>
      </c>
      <c r="BD51" s="66">
        <f>ROUND([1]第11表元データ!DC23/1000,0)</f>
        <v>0</v>
      </c>
      <c r="BE51" s="66">
        <f>ROUND([1]第11表元データ!DD23/1000,0)</f>
        <v>70240808</v>
      </c>
      <c r="BF51" s="76">
        <v>999</v>
      </c>
    </row>
    <row r="52" spans="1:58" ht="15" customHeight="1" thickBot="1">
      <c r="A52" s="65"/>
      <c r="B52" s="29"/>
      <c r="C52" s="66"/>
      <c r="D52" s="66"/>
      <c r="E52" s="66"/>
      <c r="F52" s="66"/>
      <c r="G52" s="66"/>
      <c r="H52" s="66"/>
      <c r="I52" s="66"/>
      <c r="J52" s="66"/>
      <c r="K52" s="66"/>
      <c r="L52" s="66"/>
      <c r="M52" s="66"/>
      <c r="N52" s="66"/>
      <c r="O52" s="66"/>
      <c r="P52" s="66"/>
      <c r="Q52" s="66"/>
      <c r="R52" s="66"/>
      <c r="S52" s="66"/>
      <c r="T52" s="66"/>
      <c r="U52" s="66"/>
      <c r="V52" s="66"/>
      <c r="W52" s="66"/>
      <c r="X52" s="66"/>
      <c r="Y52" s="65"/>
      <c r="Z52" s="29"/>
      <c r="AA52" s="83"/>
      <c r="AB52" s="83"/>
      <c r="AC52" s="83"/>
      <c r="AD52" s="83"/>
      <c r="AE52" s="83"/>
      <c r="AF52" s="83"/>
      <c r="AG52" s="83"/>
      <c r="AH52" s="83"/>
      <c r="AI52" s="83"/>
      <c r="AJ52" s="83"/>
      <c r="AK52" s="83"/>
      <c r="AL52" s="83"/>
      <c r="AM52" s="83"/>
      <c r="AN52" s="83"/>
      <c r="AO52" s="83"/>
      <c r="AP52" s="83"/>
      <c r="AQ52" s="83"/>
      <c r="AR52" s="83"/>
      <c r="AS52" s="83"/>
      <c r="AT52" s="65"/>
      <c r="AU52" s="29"/>
      <c r="AV52" s="66"/>
      <c r="AW52" s="66"/>
      <c r="AX52" s="66"/>
      <c r="AY52" s="66"/>
      <c r="AZ52" s="66"/>
      <c r="BA52" s="66"/>
      <c r="BB52" s="66"/>
      <c r="BC52" s="66"/>
      <c r="BD52" s="66"/>
      <c r="BE52" s="66"/>
      <c r="BF52" s="76"/>
    </row>
    <row r="53" spans="1:58" ht="15" customHeight="1" thickBot="1">
      <c r="A53" s="65">
        <v>301</v>
      </c>
      <c r="B53" s="68" t="s">
        <v>157</v>
      </c>
      <c r="C53" s="66">
        <f>ROUND([1]第11表元データ!BF22/1000,0)</f>
        <v>47018</v>
      </c>
      <c r="D53" s="66">
        <f>ROUND([1]第11表元データ!BG22/1000,0)</f>
        <v>275371</v>
      </c>
      <c r="E53" s="66">
        <f>ROUND([1]第11表元データ!BH22/1000,0)</f>
        <v>383</v>
      </c>
      <c r="F53" s="66">
        <f>ROUND([1]第11表元データ!BI22/1000,0)</f>
        <v>275754</v>
      </c>
      <c r="G53" s="66">
        <f>ROUND([1]第11表元データ!BJ22/1000,0)</f>
        <v>24822</v>
      </c>
      <c r="H53" s="66">
        <f>ROUND([1]第11表元データ!BK22/1000,0)</f>
        <v>0</v>
      </c>
      <c r="I53" s="66">
        <f>ROUND([1]第11表元データ!BL22/1000,0)</f>
        <v>0</v>
      </c>
      <c r="J53" s="66">
        <f>ROUND([1]第11表元データ!BM22/1000,0)</f>
        <v>7680</v>
      </c>
      <c r="K53" s="66">
        <f>ROUND([1]第11表元データ!BN22/1000,0)</f>
        <v>0</v>
      </c>
      <c r="L53" s="66">
        <f>ROUND([1]第11表元データ!BO22/1000,0)</f>
        <v>0</v>
      </c>
      <c r="M53" s="66">
        <f>ROUND([1]第11表元データ!BP22/1000,0)</f>
        <v>6118</v>
      </c>
      <c r="N53" s="66">
        <f>ROUND([1]第11表元データ!BQ22/1000,0)</f>
        <v>314374</v>
      </c>
      <c r="O53" s="66" t="s">
        <v>116</v>
      </c>
      <c r="P53" s="66" t="s">
        <v>116</v>
      </c>
      <c r="Q53" s="66" t="s">
        <v>116</v>
      </c>
      <c r="R53" s="66" t="s">
        <v>116</v>
      </c>
      <c r="S53" s="66" t="s">
        <v>116</v>
      </c>
      <c r="T53" s="66">
        <f>ROUND([1]第11表元データ!BW22/1000,0)</f>
        <v>1524</v>
      </c>
      <c r="U53" s="66">
        <f>ROUND([1]第11表元データ!BX22/1000,0)</f>
        <v>315898</v>
      </c>
      <c r="V53" s="66">
        <f>ROUND([1]第11表元データ!BY22/1000,0)</f>
        <v>123798</v>
      </c>
      <c r="W53" s="66">
        <f>ROUND([1]第11表元データ!BZ22/1000,0)</f>
        <v>7</v>
      </c>
      <c r="X53" s="66">
        <f>ROUND([1]第11表元データ!CA22/1000,0)</f>
        <v>123805</v>
      </c>
      <c r="Y53" s="65">
        <v>301</v>
      </c>
      <c r="Z53" s="68" t="s">
        <v>157</v>
      </c>
      <c r="AA53" s="83">
        <f>ROUND([1]第11表元データ!CB22/1000,0)</f>
        <v>3707</v>
      </c>
      <c r="AB53" s="83">
        <f>ROUND([1]第11表元データ!CC22/1000,0)</f>
        <v>6</v>
      </c>
      <c r="AC53" s="83">
        <f>ROUND([1]第11表元データ!CD22/1000,0)</f>
        <v>3713</v>
      </c>
      <c r="AD53" s="83" t="s">
        <v>117</v>
      </c>
      <c r="AE53" s="83" t="s">
        <v>117</v>
      </c>
      <c r="AF53" s="83" t="s">
        <v>117</v>
      </c>
      <c r="AG53" s="83">
        <f>ROUND([1]第11表元データ!CH22/1000,0)</f>
        <v>69764</v>
      </c>
      <c r="AH53" s="83" t="s">
        <v>117</v>
      </c>
      <c r="AI53" s="83" t="s">
        <v>117</v>
      </c>
      <c r="AJ53" s="83" t="s">
        <v>117</v>
      </c>
      <c r="AK53" s="83" t="s">
        <v>117</v>
      </c>
      <c r="AL53" s="83" t="s">
        <v>117</v>
      </c>
      <c r="AM53" s="83" t="s">
        <v>117</v>
      </c>
      <c r="AN53" s="83" t="s">
        <v>117</v>
      </c>
      <c r="AO53" s="83" t="s">
        <v>117</v>
      </c>
      <c r="AP53" s="83" t="s">
        <v>117</v>
      </c>
      <c r="AQ53" s="83">
        <f>ROUND([1]第11表元データ!CR22/1000,0)</f>
        <v>12774</v>
      </c>
      <c r="AR53" s="83" t="s">
        <v>117</v>
      </c>
      <c r="AS53" s="83" t="s">
        <v>117</v>
      </c>
      <c r="AT53" s="65">
        <v>301</v>
      </c>
      <c r="AU53" s="68" t="s">
        <v>157</v>
      </c>
      <c r="AV53" s="66">
        <f>ROUND([1]第11表元データ!CU22/1000,0)</f>
        <v>5613</v>
      </c>
      <c r="AW53" s="66">
        <f>ROUND([1]第11表元データ!CV22/1000,0)</f>
        <v>3137</v>
      </c>
      <c r="AX53" s="66">
        <f>ROUND([1]第11表元データ!CW22/1000,0)</f>
        <v>0</v>
      </c>
      <c r="AY53" s="66" t="s">
        <v>117</v>
      </c>
      <c r="AZ53" s="66">
        <f>ROUND([1]第11表元データ!CY22/1000,0)</f>
        <v>0</v>
      </c>
      <c r="BA53" s="66">
        <f>ROUND([1]第11表元データ!CZ22/1000,0)</f>
        <v>0</v>
      </c>
      <c r="BB53" s="66">
        <f>ROUND([1]第11表元データ!DA22/1000,0)</f>
        <v>0</v>
      </c>
      <c r="BC53" s="66">
        <f>ROUND([1]第11表元データ!DB22/1000,0)</f>
        <v>2268</v>
      </c>
      <c r="BD53" s="66">
        <f>ROUND([1]第11表元データ!DC22/1000,0)</f>
        <v>0</v>
      </c>
      <c r="BE53" s="66">
        <f>ROUND([1]第11表元データ!DD22/1000,0)</f>
        <v>583991</v>
      </c>
      <c r="BF53" s="76">
        <v>301</v>
      </c>
    </row>
    <row r="54" spans="1:58" ht="15" customHeight="1">
      <c r="BC54" s="77"/>
    </row>
    <row r="55" spans="1:58" ht="15" customHeight="1">
      <c r="BC55" s="78"/>
    </row>
    <row r="56" spans="1:58" ht="15" customHeight="1">
      <c r="C56"/>
      <c r="D56"/>
      <c r="E56"/>
      <c r="F56"/>
      <c r="G56"/>
      <c r="H56"/>
      <c r="I56"/>
      <c r="J56"/>
      <c r="K56"/>
      <c r="L56"/>
      <c r="M56"/>
      <c r="N56"/>
      <c r="O56"/>
      <c r="P56"/>
      <c r="Q56"/>
      <c r="R56"/>
      <c r="S56"/>
      <c r="T56"/>
      <c r="U56"/>
      <c r="V56"/>
      <c r="W56"/>
      <c r="X56"/>
      <c r="Y56"/>
      <c r="Z56"/>
      <c r="AA56"/>
      <c r="AB56"/>
      <c r="AC56"/>
      <c r="AD56"/>
      <c r="AE56"/>
      <c r="AF56"/>
      <c r="AG56"/>
      <c r="AH56"/>
      <c r="AI56"/>
      <c r="AJ56"/>
      <c r="AK56"/>
      <c r="AL56"/>
      <c r="AM56"/>
      <c r="AN56"/>
      <c r="AO56"/>
      <c r="AP56"/>
      <c r="AQ56"/>
      <c r="AR56"/>
      <c r="AS56"/>
      <c r="AT56"/>
      <c r="AU56"/>
      <c r="AV56"/>
      <c r="AW56"/>
      <c r="AX56"/>
      <c r="AY56"/>
      <c r="AZ56"/>
      <c r="BA56"/>
      <c r="BB56"/>
      <c r="BC56"/>
      <c r="BD56"/>
      <c r="BE56"/>
    </row>
    <row r="57" spans="1:58" ht="15" customHeight="1">
      <c r="C57"/>
      <c r="D57"/>
      <c r="E57"/>
      <c r="F57"/>
      <c r="G57"/>
      <c r="H57"/>
      <c r="I57"/>
      <c r="J57"/>
      <c r="K57"/>
      <c r="L57"/>
      <c r="M57"/>
      <c r="N57"/>
      <c r="O57"/>
      <c r="P57"/>
      <c r="Q57"/>
      <c r="R57"/>
      <c r="S57"/>
      <c r="T57"/>
      <c r="U57"/>
      <c r="V57"/>
      <c r="W57"/>
      <c r="X57"/>
      <c r="Y57"/>
      <c r="Z57"/>
      <c r="AA57"/>
      <c r="AB57"/>
      <c r="AC57"/>
      <c r="AD57"/>
      <c r="AE57"/>
      <c r="AF57"/>
      <c r="AG57"/>
      <c r="AH57"/>
      <c r="AI57"/>
      <c r="AJ57"/>
      <c r="AK57"/>
      <c r="AL57"/>
      <c r="AM57"/>
      <c r="AN57"/>
      <c r="AO57"/>
      <c r="AP57"/>
      <c r="AQ57"/>
      <c r="AR57"/>
      <c r="AS57"/>
      <c r="AT57"/>
      <c r="AU57"/>
      <c r="AV57"/>
      <c r="AW57"/>
      <c r="AX57"/>
      <c r="AY57"/>
      <c r="AZ57"/>
      <c r="BA57"/>
      <c r="BB57"/>
      <c r="BC57"/>
      <c r="BD57"/>
      <c r="BE57"/>
    </row>
    <row r="58" spans="1:58" ht="15" customHeight="1">
      <c r="C58"/>
      <c r="D58"/>
      <c r="E58"/>
      <c r="F58"/>
      <c r="G58"/>
      <c r="H58"/>
      <c r="I58"/>
      <c r="J58"/>
      <c r="K58"/>
      <c r="L58"/>
      <c r="M58"/>
      <c r="N58"/>
      <c r="O58"/>
      <c r="P58"/>
      <c r="Q58"/>
      <c r="R58"/>
      <c r="S58"/>
      <c r="T58"/>
      <c r="U58"/>
      <c r="V58"/>
      <c r="W58"/>
      <c r="X58"/>
      <c r="Y58"/>
      <c r="Z58"/>
      <c r="AA58"/>
      <c r="AB58"/>
      <c r="AC58"/>
      <c r="AD58"/>
      <c r="AE58"/>
      <c r="AF58"/>
      <c r="AG58"/>
      <c r="AH58"/>
      <c r="AI58"/>
      <c r="AJ58"/>
      <c r="AK58"/>
      <c r="AL58"/>
      <c r="AM58"/>
      <c r="AN58"/>
      <c r="AO58"/>
      <c r="AP58"/>
      <c r="AQ58"/>
      <c r="AR58"/>
      <c r="AS58"/>
      <c r="AT58"/>
      <c r="AU58"/>
      <c r="AV58"/>
      <c r="AW58"/>
      <c r="AX58"/>
      <c r="AY58"/>
      <c r="AZ58"/>
      <c r="BA58"/>
      <c r="BB58"/>
      <c r="BC58"/>
      <c r="BD58"/>
      <c r="BE58"/>
    </row>
    <row r="59" spans="1:58" ht="15" customHeight="1">
      <c r="C59"/>
      <c r="D59"/>
      <c r="E59"/>
      <c r="F59"/>
      <c r="G59"/>
      <c r="H59"/>
      <c r="I59"/>
      <c r="J59"/>
      <c r="K59"/>
      <c r="L59"/>
      <c r="M59"/>
      <c r="N59"/>
      <c r="O59"/>
      <c r="P59"/>
      <c r="Q59"/>
      <c r="R59"/>
      <c r="S59"/>
      <c r="T59"/>
      <c r="U59"/>
      <c r="V59"/>
      <c r="W59"/>
      <c r="X59"/>
      <c r="Y59"/>
      <c r="Z59"/>
      <c r="AA59"/>
      <c r="AB59"/>
      <c r="AC59"/>
      <c r="AD59"/>
      <c r="AE59"/>
      <c r="AF59"/>
      <c r="AG59"/>
      <c r="AH59"/>
      <c r="AI59"/>
      <c r="AJ59"/>
      <c r="AK59"/>
      <c r="AL59"/>
      <c r="AM59"/>
      <c r="AN59"/>
      <c r="AO59"/>
      <c r="AP59"/>
      <c r="AQ59"/>
      <c r="AR59"/>
      <c r="AS59"/>
      <c r="AT59"/>
      <c r="AU59"/>
      <c r="AV59"/>
      <c r="AW59"/>
      <c r="AX59"/>
      <c r="AY59"/>
      <c r="AZ59"/>
      <c r="BA59"/>
      <c r="BB59"/>
      <c r="BC59"/>
      <c r="BD59"/>
      <c r="BE59"/>
    </row>
    <row r="60" spans="1:58" ht="15" customHeight="1">
      <c r="C60"/>
      <c r="D60"/>
      <c r="E60"/>
      <c r="F60"/>
      <c r="G60"/>
      <c r="H60"/>
      <c r="I60"/>
      <c r="J60"/>
      <c r="K60"/>
      <c r="L60"/>
      <c r="M60"/>
      <c r="N60"/>
      <c r="O60"/>
      <c r="P60"/>
      <c r="Q60"/>
      <c r="R60"/>
      <c r="S60"/>
      <c r="T60"/>
      <c r="U60"/>
      <c r="V60"/>
      <c r="W60"/>
      <c r="X60"/>
      <c r="Y60"/>
      <c r="Z60"/>
      <c r="AA60"/>
      <c r="AB60"/>
      <c r="AC60"/>
      <c r="AD60"/>
      <c r="AE60"/>
      <c r="AF60"/>
      <c r="AG60"/>
      <c r="AH60"/>
      <c r="AI60"/>
      <c r="AJ60"/>
      <c r="AK60"/>
      <c r="AL60"/>
      <c r="AM60"/>
      <c r="AN60"/>
      <c r="AO60"/>
      <c r="AP60"/>
      <c r="AQ60"/>
      <c r="AR60"/>
      <c r="AS60"/>
      <c r="AT60"/>
      <c r="AU60"/>
      <c r="AV60"/>
      <c r="AW60"/>
      <c r="AX60"/>
      <c r="AY60"/>
      <c r="AZ60"/>
      <c r="BA60"/>
      <c r="BB60"/>
      <c r="BC60"/>
      <c r="BD60"/>
      <c r="BE60"/>
    </row>
  </sheetData>
  <mergeCells count="84">
    <mergeCell ref="AQ10:AQ11"/>
    <mergeCell ref="AR10:AR11"/>
    <mergeCell ref="AS10:AS11"/>
    <mergeCell ref="AV10:AV11"/>
    <mergeCell ref="AW10:AW11"/>
    <mergeCell ref="AX10:AX11"/>
    <mergeCell ref="AA10:AA11"/>
    <mergeCell ref="AB10:AB11"/>
    <mergeCell ref="AC10:AC11"/>
    <mergeCell ref="AD10:AD11"/>
    <mergeCell ref="AE10:AE11"/>
    <mergeCell ref="AF10:AF11"/>
    <mergeCell ref="BD9:BD11"/>
    <mergeCell ref="BE9:BE11"/>
    <mergeCell ref="BF9:BF11"/>
    <mergeCell ref="D10:N10"/>
    <mergeCell ref="O10:S10"/>
    <mergeCell ref="T10:T11"/>
    <mergeCell ref="U10:U11"/>
    <mergeCell ref="V10:V11"/>
    <mergeCell ref="W10:W11"/>
    <mergeCell ref="X10:X11"/>
    <mergeCell ref="AV9:AX9"/>
    <mergeCell ref="AY9:AY11"/>
    <mergeCell ref="AZ9:AZ11"/>
    <mergeCell ref="BA9:BA11"/>
    <mergeCell ref="BB9:BB11"/>
    <mergeCell ref="BC9:BC11"/>
    <mergeCell ref="AG9:AG11"/>
    <mergeCell ref="AH9:AO9"/>
    <mergeCell ref="AP9:AP11"/>
    <mergeCell ref="AQ9:AS9"/>
    <mergeCell ref="AT9:AT11"/>
    <mergeCell ref="AU9:AU11"/>
    <mergeCell ref="AH10:AJ10"/>
    <mergeCell ref="AK10:AM10"/>
    <mergeCell ref="AN10:AN11"/>
    <mergeCell ref="AO10:AO11"/>
    <mergeCell ref="AW3:AW4"/>
    <mergeCell ref="AX3:AX4"/>
    <mergeCell ref="A9:A11"/>
    <mergeCell ref="B9:B11"/>
    <mergeCell ref="C9:C11"/>
    <mergeCell ref="D9:U9"/>
    <mergeCell ref="V9:X9"/>
    <mergeCell ref="Y9:Y11"/>
    <mergeCell ref="Z9:Z11"/>
    <mergeCell ref="AA9:AC9"/>
    <mergeCell ref="AE3:AE4"/>
    <mergeCell ref="AF3:AF4"/>
    <mergeCell ref="AH3:AJ3"/>
    <mergeCell ref="AK3:AM3"/>
    <mergeCell ref="AN3:AN4"/>
    <mergeCell ref="AO3:AO4"/>
    <mergeCell ref="BC2:BC4"/>
    <mergeCell ref="BD2:BD4"/>
    <mergeCell ref="BE2:BE4"/>
    <mergeCell ref="D3:N3"/>
    <mergeCell ref="O3:S3"/>
    <mergeCell ref="T3:T4"/>
    <mergeCell ref="U3:U4"/>
    <mergeCell ref="V3:V4"/>
    <mergeCell ref="W3:W4"/>
    <mergeCell ref="X3:X4"/>
    <mergeCell ref="AQ2:AS2"/>
    <mergeCell ref="AV2:AX2"/>
    <mergeCell ref="AY2:AY4"/>
    <mergeCell ref="AZ2:AZ4"/>
    <mergeCell ref="BA2:BA4"/>
    <mergeCell ref="BB2:BB4"/>
    <mergeCell ref="AQ3:AQ4"/>
    <mergeCell ref="AR3:AR4"/>
    <mergeCell ref="AS3:AS4"/>
    <mergeCell ref="AV3:AV4"/>
    <mergeCell ref="C2:C4"/>
    <mergeCell ref="V2:X2"/>
    <mergeCell ref="AA2:AC2"/>
    <mergeCell ref="AG2:AG4"/>
    <mergeCell ref="AH2:AO2"/>
    <mergeCell ref="AP2:AP4"/>
    <mergeCell ref="AA3:AA4"/>
    <mergeCell ref="AB3:AB4"/>
    <mergeCell ref="AC3:AC4"/>
    <mergeCell ref="AD3:AD4"/>
  </mergeCells>
  <phoneticPr fontId="2"/>
  <pageMargins left="0.39370078740157483" right="0.39370078740157483" top="0.98425196850393704" bottom="0.98425196850393704" header="0.51181102362204722" footer="0.51181102362204722"/>
  <pageSetup paperSize="9" scale="58" fitToWidth="0" orientation="landscape" r:id="rId1"/>
  <headerFooter alignWithMargins="0"/>
  <colBreaks count="2" manualBreakCount="2">
    <brk id="24" min="6" max="52" man="1"/>
    <brk id="45" min="6" max="52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1 2-2</vt:lpstr>
      <vt:lpstr>'sheet11 2-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6:47:39Z</dcterms:created>
  <dcterms:modified xsi:type="dcterms:W3CDTF">2025-10-30T06:48:40Z</dcterms:modified>
</cp:coreProperties>
</file>